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3571\Desktop\雇用政策課\"/>
    </mc:Choice>
  </mc:AlternateContent>
  <bookViews>
    <workbookView xWindow="0" yWindow="0" windowWidth="20490" windowHeight="7575"/>
  </bookViews>
  <sheets>
    <sheet name="data" sheetId="7" r:id="rId1"/>
  </sheets>
  <definedNames>
    <definedName name="_xlnm._FilterDatabase" localSheetId="0" hidden="1">data!$A$72:$W$72</definedName>
    <definedName name="_xlnm.Print_Area" localSheetId="0">data!$A$1:$W$67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984" uniqueCount="462">
  <si>
    <t>１：調査回答事業所数</t>
    <phoneticPr fontId="3"/>
  </si>
  <si>
    <t>300人以上</t>
  </si>
  <si>
    <t>Ｃ．鉱業、採石業、砂利採取業</t>
    <rPh sb="5" eb="7">
      <t>サイセキ</t>
    </rPh>
    <rPh sb="7" eb="8">
      <t>ギョウ</t>
    </rPh>
    <rPh sb="9" eb="11">
      <t>ジャリ</t>
    </rPh>
    <rPh sb="11" eb="14">
      <t>サイシュギョウ</t>
    </rPh>
    <phoneticPr fontId="3"/>
  </si>
  <si>
    <t>Ｅ．製造業</t>
    <phoneticPr fontId="3"/>
  </si>
  <si>
    <t>Ｇ．情報通信業</t>
    <rPh sb="2" eb="4">
      <t>ジョウホウ</t>
    </rPh>
    <rPh sb="4" eb="7">
      <t>ツウシンギョウ</t>
    </rPh>
    <phoneticPr fontId="3"/>
  </si>
  <si>
    <t>Ｈ．運輸業、郵便業</t>
    <rPh sb="2" eb="5">
      <t>ウンユギョウ</t>
    </rPh>
    <rPh sb="6" eb="8">
      <t>ユウビン</t>
    </rPh>
    <rPh sb="8" eb="9">
      <t>ギョウ</t>
    </rPh>
    <phoneticPr fontId="3"/>
  </si>
  <si>
    <t>Ｊ．金融業、保険業</t>
    <rPh sb="4" eb="5">
      <t>ギョウ</t>
    </rPh>
    <phoneticPr fontId="3"/>
  </si>
  <si>
    <t>Ｋ．不動産業、物品賃貸業</t>
    <rPh sb="7" eb="12">
      <t>ブッピンチンタイギョウ</t>
    </rPh>
    <phoneticPr fontId="3"/>
  </si>
  <si>
    <t>Ｌ．学術研究、専門・技術サービス業</t>
    <rPh sb="2" eb="4">
      <t>ガクジュツ</t>
    </rPh>
    <rPh sb="4" eb="6">
      <t>ケンキュウ</t>
    </rPh>
    <rPh sb="7" eb="9">
      <t>センモン</t>
    </rPh>
    <rPh sb="10" eb="12">
      <t>ギジュツ</t>
    </rPh>
    <rPh sb="16" eb="17">
      <t>ギョウ</t>
    </rPh>
    <phoneticPr fontId="3"/>
  </si>
  <si>
    <t>Ｍ．宿泊業、飲食サービス業</t>
    <rPh sb="2" eb="4">
      <t>シュクハク</t>
    </rPh>
    <rPh sb="4" eb="5">
      <t>ギョウ</t>
    </rPh>
    <rPh sb="6" eb="8">
      <t>インショク</t>
    </rPh>
    <rPh sb="12" eb="13">
      <t>ギョウ</t>
    </rPh>
    <phoneticPr fontId="3"/>
  </si>
  <si>
    <t>Ｎ．生活関連サービス業、娯楽業</t>
    <rPh sb="2" eb="4">
      <t>セイカツ</t>
    </rPh>
    <rPh sb="4" eb="6">
      <t>カンレン</t>
    </rPh>
    <rPh sb="10" eb="11">
      <t>ギョウ</t>
    </rPh>
    <rPh sb="12" eb="15">
      <t>ゴラクギョウ</t>
    </rPh>
    <phoneticPr fontId="3"/>
  </si>
  <si>
    <t>Ｏ．教育、学習支援業</t>
    <rPh sb="2" eb="4">
      <t>キョウイク</t>
    </rPh>
    <rPh sb="5" eb="7">
      <t>ガクシュウ</t>
    </rPh>
    <rPh sb="7" eb="9">
      <t>シエン</t>
    </rPh>
    <rPh sb="9" eb="10">
      <t>ギョウ</t>
    </rPh>
    <phoneticPr fontId="3"/>
  </si>
  <si>
    <t>Ｐ．医療、福祉</t>
    <rPh sb="2" eb="4">
      <t>イリョウ</t>
    </rPh>
    <rPh sb="5" eb="7">
      <t>フクシ</t>
    </rPh>
    <phoneticPr fontId="3"/>
  </si>
  <si>
    <t>Ｒ．サービス業（他に分類されないもの）</t>
    <rPh sb="6" eb="7">
      <t>ギョウ</t>
    </rPh>
    <rPh sb="8" eb="9">
      <t>タ</t>
    </rPh>
    <rPh sb="10" eb="12">
      <t>ブンルイ</t>
    </rPh>
    <phoneticPr fontId="3"/>
  </si>
  <si>
    <t>（事業所、％）</t>
  </si>
  <si>
    <t>規模別</t>
  </si>
  <si>
    <t>5人～29人</t>
    <phoneticPr fontId="3"/>
  </si>
  <si>
    <t>30人～99人</t>
  </si>
  <si>
    <t>100人～299人</t>
  </si>
  <si>
    <t>計</t>
  </si>
  <si>
    <t>産業別</t>
  </si>
  <si>
    <t>構成比</t>
  </si>
  <si>
    <t>C</t>
    <phoneticPr fontId="3"/>
  </si>
  <si>
    <t>鉱業、採石業、砂利採取業</t>
    <rPh sb="3" eb="5">
      <t>サイセキ</t>
    </rPh>
    <rPh sb="5" eb="6">
      <t>ギョウ</t>
    </rPh>
    <rPh sb="7" eb="9">
      <t>ジャリ</t>
    </rPh>
    <rPh sb="9" eb="12">
      <t>サイシュギョウ</t>
    </rPh>
    <phoneticPr fontId="3"/>
  </si>
  <si>
    <t>D</t>
    <phoneticPr fontId="3"/>
  </si>
  <si>
    <t>建設業</t>
  </si>
  <si>
    <t>E</t>
    <phoneticPr fontId="3"/>
  </si>
  <si>
    <t>製造業</t>
  </si>
  <si>
    <t>F</t>
    <phoneticPr fontId="3"/>
  </si>
  <si>
    <t>電気・ガス・</t>
    <phoneticPr fontId="3"/>
  </si>
  <si>
    <t>熱供給・水道業</t>
  </si>
  <si>
    <t>G</t>
    <phoneticPr fontId="3"/>
  </si>
  <si>
    <t>情報通信業</t>
    <rPh sb="0" eb="2">
      <t>ジョウホウ</t>
    </rPh>
    <rPh sb="2" eb="5">
      <t>ツウシンギョウ</t>
    </rPh>
    <phoneticPr fontId="3"/>
  </si>
  <si>
    <t>H</t>
    <phoneticPr fontId="3"/>
  </si>
  <si>
    <t>運輸業、郵便業</t>
    <rPh sb="0" eb="2">
      <t>ウンユ</t>
    </rPh>
    <rPh sb="2" eb="3">
      <t>ギョウ</t>
    </rPh>
    <rPh sb="4" eb="6">
      <t>ユウビン</t>
    </rPh>
    <rPh sb="6" eb="7">
      <t>ギョウ</t>
    </rPh>
    <phoneticPr fontId="3"/>
  </si>
  <si>
    <t>I</t>
    <phoneticPr fontId="3"/>
  </si>
  <si>
    <t>卸売業、小売業</t>
    <rPh sb="0" eb="2">
      <t>オロシウ</t>
    </rPh>
    <rPh sb="2" eb="3">
      <t>ギョウ</t>
    </rPh>
    <rPh sb="4" eb="7">
      <t>コウリギョウ</t>
    </rPh>
    <phoneticPr fontId="3"/>
  </si>
  <si>
    <t>J</t>
    <phoneticPr fontId="3"/>
  </si>
  <si>
    <t>金融業、保険業</t>
    <rPh sb="0" eb="2">
      <t>キンユウ</t>
    </rPh>
    <rPh sb="2" eb="3">
      <t>ギョウ</t>
    </rPh>
    <phoneticPr fontId="3"/>
  </si>
  <si>
    <t>K</t>
    <phoneticPr fontId="3"/>
  </si>
  <si>
    <t>不動産業、物品賃貸業</t>
    <rPh sb="0" eb="3">
      <t>フドウサン</t>
    </rPh>
    <rPh sb="3" eb="4">
      <t>ギョウ</t>
    </rPh>
    <rPh sb="5" eb="7">
      <t>ブッピン</t>
    </rPh>
    <rPh sb="7" eb="10">
      <t>チンタイギョウ</t>
    </rPh>
    <phoneticPr fontId="3"/>
  </si>
  <si>
    <t>L</t>
    <phoneticPr fontId="3"/>
  </si>
  <si>
    <t>学術研究、専門・技術サービス業</t>
    <rPh sb="0" eb="2">
      <t>ガクジュツ</t>
    </rPh>
    <rPh sb="2" eb="4">
      <t>ケンキュウ</t>
    </rPh>
    <rPh sb="5" eb="7">
      <t>センモン</t>
    </rPh>
    <rPh sb="8" eb="10">
      <t>ギジュツ</t>
    </rPh>
    <rPh sb="14" eb="15">
      <t>ギョウ</t>
    </rPh>
    <phoneticPr fontId="3"/>
  </si>
  <si>
    <t>M</t>
    <phoneticPr fontId="3"/>
  </si>
  <si>
    <t>宿泊業、飲食サービス業</t>
    <rPh sb="0" eb="2">
      <t>シュクハク</t>
    </rPh>
    <rPh sb="2" eb="3">
      <t>ギョウ</t>
    </rPh>
    <rPh sb="4" eb="6">
      <t>インショク</t>
    </rPh>
    <rPh sb="10" eb="11">
      <t>ギョウ</t>
    </rPh>
    <phoneticPr fontId="3"/>
  </si>
  <si>
    <t>N</t>
    <phoneticPr fontId="3"/>
  </si>
  <si>
    <t>生活関連サービス業、娯楽業</t>
    <rPh sb="0" eb="2">
      <t>セイカツ</t>
    </rPh>
    <rPh sb="2" eb="4">
      <t>カンレン</t>
    </rPh>
    <rPh sb="8" eb="9">
      <t>ギョウ</t>
    </rPh>
    <rPh sb="10" eb="13">
      <t>ゴラクギョウ</t>
    </rPh>
    <phoneticPr fontId="3"/>
  </si>
  <si>
    <t>O</t>
    <phoneticPr fontId="3"/>
  </si>
  <si>
    <t>教育、学習支援業</t>
    <rPh sb="0" eb="2">
      <t>キョウイク</t>
    </rPh>
    <rPh sb="3" eb="5">
      <t>ガクシュウ</t>
    </rPh>
    <rPh sb="5" eb="7">
      <t>シエン</t>
    </rPh>
    <rPh sb="7" eb="8">
      <t>ギョウ</t>
    </rPh>
    <phoneticPr fontId="3"/>
  </si>
  <si>
    <t>P</t>
    <phoneticPr fontId="3"/>
  </si>
  <si>
    <t>医療、福祉</t>
    <rPh sb="0" eb="2">
      <t>イリョウ</t>
    </rPh>
    <rPh sb="3" eb="5">
      <t>フクシ</t>
    </rPh>
    <phoneticPr fontId="3"/>
  </si>
  <si>
    <t>Q</t>
    <phoneticPr fontId="3"/>
  </si>
  <si>
    <t>複合サービス事業</t>
    <rPh sb="0" eb="2">
      <t>フクゴウ</t>
    </rPh>
    <rPh sb="6" eb="8">
      <t>ジギョウ</t>
    </rPh>
    <phoneticPr fontId="3"/>
  </si>
  <si>
    <t>R</t>
    <phoneticPr fontId="3"/>
  </si>
  <si>
    <t>サービス業</t>
    <rPh sb="4" eb="5">
      <t>ギョウ</t>
    </rPh>
    <phoneticPr fontId="3"/>
  </si>
  <si>
    <t xml:space="preserve">     （他に分類されないもの）</t>
    <rPh sb="6" eb="7">
      <t>タ</t>
    </rPh>
    <rPh sb="8" eb="10">
      <t>ブンルイ</t>
    </rPh>
    <phoneticPr fontId="3"/>
  </si>
  <si>
    <t>計</t>
    <phoneticPr fontId="3"/>
  </si>
  <si>
    <t>構成比：上段＝その産業に占める構成割合、下段＝その規模に占める構成割合</t>
    <rPh sb="0" eb="3">
      <t>コウセイヒ</t>
    </rPh>
    <phoneticPr fontId="3"/>
  </si>
  <si>
    <t>規模別：パートタイム労働者を含まず、常用労働者数による区分</t>
  </si>
  <si>
    <t>２：産業別男女別規模別常用労働者数</t>
    <rPh sb="2" eb="4">
      <t>サンギョウ</t>
    </rPh>
    <rPh sb="4" eb="5">
      <t>ベツ</t>
    </rPh>
    <rPh sb="5" eb="7">
      <t>ダンジョ</t>
    </rPh>
    <rPh sb="7" eb="8">
      <t>ベツ</t>
    </rPh>
    <rPh sb="8" eb="11">
      <t>キボベツ</t>
    </rPh>
    <rPh sb="11" eb="13">
      <t>ジョウヨウ</t>
    </rPh>
    <rPh sb="13" eb="16">
      <t>ロウドウシャ</t>
    </rPh>
    <rPh sb="16" eb="17">
      <t>スウ</t>
    </rPh>
    <phoneticPr fontId="3"/>
  </si>
  <si>
    <t>（人）</t>
    <rPh sb="1" eb="2">
      <t>ニン</t>
    </rPh>
    <phoneticPr fontId="3"/>
  </si>
  <si>
    <t>5人～29人</t>
    <phoneticPr fontId="3"/>
  </si>
  <si>
    <t>男</t>
  </si>
  <si>
    <t>女</t>
  </si>
  <si>
    <t>D</t>
    <phoneticPr fontId="3"/>
  </si>
  <si>
    <t>電気・ガス・熱供給・水道業</t>
    <phoneticPr fontId="3"/>
  </si>
  <si>
    <t>G</t>
    <phoneticPr fontId="3"/>
  </si>
  <si>
    <t>金融業、保険業</t>
    <rPh sb="0" eb="1">
      <t>キン</t>
    </rPh>
    <rPh sb="1" eb="2">
      <t>ユウ</t>
    </rPh>
    <rPh sb="2" eb="3">
      <t>ギョウ</t>
    </rPh>
    <phoneticPr fontId="3"/>
  </si>
  <si>
    <t>Ｍ</t>
    <phoneticPr fontId="3"/>
  </si>
  <si>
    <t>Ｎ</t>
    <phoneticPr fontId="3"/>
  </si>
  <si>
    <t>Ｏ</t>
    <phoneticPr fontId="3"/>
  </si>
  <si>
    <t>Ｐ</t>
    <phoneticPr fontId="3"/>
  </si>
  <si>
    <t>Ｑ</t>
    <phoneticPr fontId="3"/>
  </si>
  <si>
    <t>サービス業
（他に分類されないもの）</t>
    <rPh sb="4" eb="5">
      <t>ギョウ</t>
    </rPh>
    <rPh sb="7" eb="8">
      <t>タ</t>
    </rPh>
    <rPh sb="9" eb="11">
      <t>ブンルイ</t>
    </rPh>
    <phoneticPr fontId="3"/>
  </si>
  <si>
    <t>３：労働組合の有無</t>
    <phoneticPr fontId="3"/>
  </si>
  <si>
    <t>（％）</t>
  </si>
  <si>
    <t>規模別・産業別</t>
  </si>
  <si>
    <t>有無</t>
    <rPh sb="0" eb="2">
      <t>ウム</t>
    </rPh>
    <phoneticPr fontId="3"/>
  </si>
  <si>
    <t>30人
～99人</t>
    <phoneticPr fontId="3"/>
  </si>
  <si>
    <t>100人
～299人</t>
    <phoneticPr fontId="3"/>
  </si>
  <si>
    <t>Ｄ．建設業</t>
    <phoneticPr fontId="3"/>
  </si>
  <si>
    <t>Ｆ．電気・ｶﾞｽ
・熱供給
・水道業</t>
    <phoneticPr fontId="3"/>
  </si>
  <si>
    <t>Ｉ．卸売業
、小売業</t>
    <rPh sb="4" eb="5">
      <t>ギョウ</t>
    </rPh>
    <phoneticPr fontId="3"/>
  </si>
  <si>
    <t>Ｑ．複合
サービス事業</t>
    <rPh sb="9" eb="11">
      <t>ジギョウ</t>
    </rPh>
    <phoneticPr fontId="3"/>
  </si>
  <si>
    <t>労働組合がある</t>
  </si>
  <si>
    <t>労働組合がない</t>
  </si>
  <si>
    <t>４：週休制の実施形態</t>
    <phoneticPr fontId="3"/>
  </si>
  <si>
    <t>項目</t>
  </si>
  <si>
    <t>100人
～299人</t>
    <phoneticPr fontId="3"/>
  </si>
  <si>
    <t>Ｄ．建設業</t>
    <phoneticPr fontId="3"/>
  </si>
  <si>
    <t>Ｅ．製造業</t>
    <phoneticPr fontId="3"/>
  </si>
  <si>
    <t>Ｆ．電気・ｶﾞｽ
・熱供給
・水道業</t>
    <phoneticPr fontId="3"/>
  </si>
  <si>
    <t>週休１日制</t>
  </si>
  <si>
    <t>週休１日半制</t>
  </si>
  <si>
    <t>週
休
二
日
制</t>
    <rPh sb="2" eb="3">
      <t>キュウ</t>
    </rPh>
    <rPh sb="4" eb="5">
      <t>ニ</t>
    </rPh>
    <rPh sb="6" eb="7">
      <t>ヒ</t>
    </rPh>
    <rPh sb="8" eb="9">
      <t>セイ</t>
    </rPh>
    <phoneticPr fontId="3"/>
  </si>
  <si>
    <t>完全週休２日制</t>
  </si>
  <si>
    <t>月３回又は４週３回</t>
  </si>
  <si>
    <t>月２回又は４週２回</t>
  </si>
  <si>
    <t>月１回又は４週１回</t>
  </si>
  <si>
    <t>２日を超える週休制</t>
    <rPh sb="1" eb="2">
      <t>ニチ</t>
    </rPh>
    <rPh sb="3" eb="4">
      <t>コ</t>
    </rPh>
    <rPh sb="6" eb="8">
      <t>シュウキュウ</t>
    </rPh>
    <rPh sb="8" eb="9">
      <t>セイ</t>
    </rPh>
    <phoneticPr fontId="3"/>
  </si>
  <si>
    <t>その他</t>
  </si>
  <si>
    <t>５：年間休日日数</t>
    <phoneticPr fontId="3"/>
  </si>
  <si>
    <t>（日）</t>
    <rPh sb="1" eb="2">
      <t>ニチ</t>
    </rPh>
    <phoneticPr fontId="3"/>
  </si>
  <si>
    <t>5人～29人</t>
    <phoneticPr fontId="3"/>
  </si>
  <si>
    <t>30人
～99人</t>
    <phoneticPr fontId="3"/>
  </si>
  <si>
    <t>Ｄ．建設業</t>
    <phoneticPr fontId="3"/>
  </si>
  <si>
    <t>年間休日日数</t>
    <rPh sb="0" eb="2">
      <t>ネンカン</t>
    </rPh>
    <rPh sb="2" eb="4">
      <t>キュウジツ</t>
    </rPh>
    <rPh sb="4" eb="6">
      <t>ニッスウ</t>
    </rPh>
    <phoneticPr fontId="3"/>
  </si>
  <si>
    <t>６：年次有給休暇の取得状況</t>
    <phoneticPr fontId="3"/>
  </si>
  <si>
    <t>（日、％）</t>
    <rPh sb="1" eb="2">
      <t>ニチ</t>
    </rPh>
    <phoneticPr fontId="3"/>
  </si>
  <si>
    <t>100人
～299人</t>
    <phoneticPr fontId="3"/>
  </si>
  <si>
    <t>Ｄ．建設業</t>
    <phoneticPr fontId="3"/>
  </si>
  <si>
    <t>Ｅ．製造業</t>
    <phoneticPr fontId="3"/>
  </si>
  <si>
    <t>平均付与日数（日）</t>
    <rPh sb="0" eb="2">
      <t>ヘイキン</t>
    </rPh>
    <rPh sb="2" eb="4">
      <t>フヨ</t>
    </rPh>
    <rPh sb="4" eb="6">
      <t>ニッスウ</t>
    </rPh>
    <rPh sb="7" eb="8">
      <t>ニチ</t>
    </rPh>
    <phoneticPr fontId="3"/>
  </si>
  <si>
    <t>平均取得日数（日）</t>
    <rPh sb="0" eb="2">
      <t>ヘイキン</t>
    </rPh>
    <rPh sb="2" eb="4">
      <t>シュトク</t>
    </rPh>
    <rPh sb="4" eb="6">
      <t>ニッスウ</t>
    </rPh>
    <rPh sb="7" eb="8">
      <t>ニチ</t>
    </rPh>
    <phoneticPr fontId="3"/>
  </si>
  <si>
    <t>平均取得率（％）</t>
    <rPh sb="0" eb="2">
      <t>ヘイキン</t>
    </rPh>
    <rPh sb="2" eb="5">
      <t>シュトクリツ</t>
    </rPh>
    <phoneticPr fontId="3"/>
  </si>
  <si>
    <t>取
得
率
分
布</t>
    <rPh sb="0" eb="1">
      <t>トリ</t>
    </rPh>
    <rPh sb="2" eb="3">
      <t>エ</t>
    </rPh>
    <rPh sb="4" eb="5">
      <t>リツ</t>
    </rPh>
    <rPh sb="6" eb="7">
      <t>ブン</t>
    </rPh>
    <rPh sb="8" eb="9">
      <t>ヌノ</t>
    </rPh>
    <phoneticPr fontId="3"/>
  </si>
  <si>
    <t>90％以上</t>
    <rPh sb="3" eb="5">
      <t>イジョウ</t>
    </rPh>
    <phoneticPr fontId="3"/>
  </si>
  <si>
    <t>80％以上90％未満</t>
    <rPh sb="3" eb="5">
      <t>イジョウ</t>
    </rPh>
    <rPh sb="8" eb="10">
      <t>ミマン</t>
    </rPh>
    <phoneticPr fontId="3"/>
  </si>
  <si>
    <t>70％以上80％未満</t>
    <rPh sb="3" eb="5">
      <t>イジョウ</t>
    </rPh>
    <rPh sb="8" eb="10">
      <t>ミマン</t>
    </rPh>
    <phoneticPr fontId="3"/>
  </si>
  <si>
    <t>60％以上70％未満</t>
    <rPh sb="3" eb="5">
      <t>イジョウ</t>
    </rPh>
    <rPh sb="8" eb="10">
      <t>ミマン</t>
    </rPh>
    <phoneticPr fontId="3"/>
  </si>
  <si>
    <t>50％以上60％未満</t>
    <rPh sb="3" eb="5">
      <t>イジョウ</t>
    </rPh>
    <rPh sb="8" eb="10">
      <t>ミマン</t>
    </rPh>
    <phoneticPr fontId="3"/>
  </si>
  <si>
    <t>40％以上50％未満</t>
    <rPh sb="3" eb="5">
      <t>イジョウ</t>
    </rPh>
    <rPh sb="8" eb="10">
      <t>ミマン</t>
    </rPh>
    <phoneticPr fontId="3"/>
  </si>
  <si>
    <t>30％以上40％未満</t>
    <rPh sb="3" eb="5">
      <t>イジョウ</t>
    </rPh>
    <rPh sb="8" eb="10">
      <t>ミマン</t>
    </rPh>
    <phoneticPr fontId="3"/>
  </si>
  <si>
    <t>20％以上30％未満</t>
    <rPh sb="3" eb="5">
      <t>イジョウ</t>
    </rPh>
    <rPh sb="8" eb="10">
      <t>ミマン</t>
    </rPh>
    <phoneticPr fontId="3"/>
  </si>
  <si>
    <t>10％以上20％未満</t>
    <rPh sb="3" eb="5">
      <t>イジョウ</t>
    </rPh>
    <rPh sb="8" eb="10">
      <t>ミマン</t>
    </rPh>
    <phoneticPr fontId="3"/>
  </si>
  <si>
    <t>10％未満</t>
    <rPh sb="3" eb="5">
      <t>ミマン</t>
    </rPh>
    <phoneticPr fontId="3"/>
  </si>
  <si>
    <t>（％）</t>
    <phoneticPr fontId="3"/>
  </si>
  <si>
    <t>30人
～99人</t>
    <phoneticPr fontId="3"/>
  </si>
  <si>
    <t>100人
～299人</t>
    <phoneticPr fontId="3"/>
  </si>
  <si>
    <t>Ｅ．製造業</t>
    <phoneticPr fontId="3"/>
  </si>
  <si>
    <t>実施している</t>
    <rPh sb="0" eb="2">
      <t>ジッシ</t>
    </rPh>
    <phoneticPr fontId="3"/>
  </si>
  <si>
    <t>計画書提出</t>
    <rPh sb="0" eb="3">
      <t>ケイカクショ</t>
    </rPh>
    <rPh sb="3" eb="5">
      <t>テイシュツ</t>
    </rPh>
    <phoneticPr fontId="3"/>
  </si>
  <si>
    <t>事業所全体の休日による一斉付与</t>
    <rPh sb="0" eb="3">
      <t>ジギョウショ</t>
    </rPh>
    <rPh sb="3" eb="5">
      <t>ゼンタイ</t>
    </rPh>
    <rPh sb="6" eb="8">
      <t>キュウジツ</t>
    </rPh>
    <rPh sb="11" eb="13">
      <t>イッセイ</t>
    </rPh>
    <rPh sb="13" eb="15">
      <t>フヨ</t>
    </rPh>
    <phoneticPr fontId="3"/>
  </si>
  <si>
    <t>残余日数を本人に示す</t>
    <rPh sb="0" eb="2">
      <t>ザンヨ</t>
    </rPh>
    <rPh sb="2" eb="4">
      <t>ニッスウ</t>
    </rPh>
    <rPh sb="5" eb="7">
      <t>ホンニン</t>
    </rPh>
    <rPh sb="8" eb="9">
      <t>シメ</t>
    </rPh>
    <phoneticPr fontId="3"/>
  </si>
  <si>
    <t>分割付与</t>
    <rPh sb="0" eb="2">
      <t>ブンカツ</t>
    </rPh>
    <rPh sb="2" eb="4">
      <t>フヨ</t>
    </rPh>
    <phoneticPr fontId="3"/>
  </si>
  <si>
    <t>計画年休制度</t>
    <rPh sb="0" eb="2">
      <t>ケイカク</t>
    </rPh>
    <rPh sb="2" eb="4">
      <t>ネンキュウ</t>
    </rPh>
    <rPh sb="4" eb="6">
      <t>セイド</t>
    </rPh>
    <phoneticPr fontId="3"/>
  </si>
  <si>
    <t>管理・監督者等の率先取得</t>
    <rPh sb="0" eb="2">
      <t>カンリ</t>
    </rPh>
    <rPh sb="3" eb="6">
      <t>カントクシャ</t>
    </rPh>
    <rPh sb="6" eb="7">
      <t>トウ</t>
    </rPh>
    <rPh sb="8" eb="10">
      <t>ソッセン</t>
    </rPh>
    <rPh sb="10" eb="12">
      <t>シュトク</t>
    </rPh>
    <phoneticPr fontId="3"/>
  </si>
  <si>
    <t>その他</t>
    <rPh sb="2" eb="3">
      <t>タ</t>
    </rPh>
    <phoneticPr fontId="3"/>
  </si>
  <si>
    <t>実施していない</t>
    <rPh sb="0" eb="2">
      <t>ジッシ</t>
    </rPh>
    <phoneticPr fontId="3"/>
  </si>
  <si>
    <t>８：１週間の所定内労働時間</t>
    <phoneticPr fontId="3"/>
  </si>
  <si>
    <t>（％、時間）</t>
    <phoneticPr fontId="3"/>
  </si>
  <si>
    <t>30人
～99人</t>
    <phoneticPr fontId="3"/>
  </si>
  <si>
    <t>Ｅ．製造業</t>
    <phoneticPr fontId="3"/>
  </si>
  <si>
    <t>Ｆ．電気・ｶﾞｽ
・熱供給
・水道業</t>
    <phoneticPr fontId="3"/>
  </si>
  <si>
    <t>40時間超</t>
    <phoneticPr fontId="3"/>
  </si>
  <si>
    <t>40時間</t>
    <phoneticPr fontId="3"/>
  </si>
  <si>
    <t>36時間以上40時間未満</t>
    <phoneticPr fontId="3"/>
  </si>
  <si>
    <t>36時間未満</t>
    <phoneticPr fontId="3"/>
  </si>
  <si>
    <t>１事業所あたり平均労働時間</t>
  </si>
  <si>
    <t>１人あたり平均労働時間</t>
  </si>
  <si>
    <t>（％、時間）</t>
    <phoneticPr fontId="3"/>
  </si>
  <si>
    <t>30人
～99人</t>
    <phoneticPr fontId="3"/>
  </si>
  <si>
    <t>Ｅ．製造業</t>
    <phoneticPr fontId="3"/>
  </si>
  <si>
    <t>Ｆ．電気・ｶﾞｽ
・熱供給
・水道業</t>
    <phoneticPr fontId="3"/>
  </si>
  <si>
    <t>40時間超</t>
    <phoneticPr fontId="3"/>
  </si>
  <si>
    <t>30時間以上40時間未満</t>
    <phoneticPr fontId="3"/>
  </si>
  <si>
    <t>20時間以上30時間未満</t>
    <phoneticPr fontId="3"/>
  </si>
  <si>
    <t>10時間以上20時間未満</t>
    <phoneticPr fontId="3"/>
  </si>
  <si>
    <t>10時間未満</t>
    <phoneticPr fontId="3"/>
  </si>
  <si>
    <t>１事業所あたり平均所定外労働時間</t>
    <rPh sb="9" eb="12">
      <t>ショテイガイ</t>
    </rPh>
    <phoneticPr fontId="3"/>
  </si>
  <si>
    <t>１人あたり平均所定外労働時間</t>
    <phoneticPr fontId="3"/>
  </si>
  <si>
    <t>１０：変形労働時間制（MA）</t>
    <phoneticPr fontId="3"/>
  </si>
  <si>
    <t>導入している</t>
    <rPh sb="0" eb="2">
      <t>ドウニュウ</t>
    </rPh>
    <phoneticPr fontId="3"/>
  </si>
  <si>
    <t>１週間単位</t>
  </si>
  <si>
    <t>１ヶ月単位</t>
  </si>
  <si>
    <t>１年単位</t>
  </si>
  <si>
    <t>フレックスタイム</t>
  </si>
  <si>
    <t>みなし労働時間制</t>
  </si>
  <si>
    <t>専門業務型裁量労働制</t>
  </si>
  <si>
    <t>企画業務型裁量労働制</t>
  </si>
  <si>
    <t>テレワーク（在宅勤務制度）</t>
  </si>
  <si>
    <t>テレワーク（在宅以外の勤務）</t>
    <phoneticPr fontId="3"/>
  </si>
  <si>
    <t>導入していない</t>
    <rPh sb="0" eb="2">
      <t>ドウニュウ</t>
    </rPh>
    <phoneticPr fontId="3"/>
  </si>
  <si>
    <t>１１：定年制の有無</t>
    <phoneticPr fontId="3"/>
  </si>
  <si>
    <t>5人～29人</t>
    <phoneticPr fontId="3"/>
  </si>
  <si>
    <t>ある</t>
  </si>
  <si>
    <t>勤務延長制度あり</t>
    <rPh sb="0" eb="2">
      <t>キンム</t>
    </rPh>
    <rPh sb="2" eb="4">
      <t>エンチョウ</t>
    </rPh>
    <rPh sb="4" eb="6">
      <t>セイド</t>
    </rPh>
    <phoneticPr fontId="3"/>
  </si>
  <si>
    <t>再雇用制度あり</t>
    <rPh sb="0" eb="5">
      <t>サイコヨウセイド</t>
    </rPh>
    <phoneticPr fontId="3"/>
  </si>
  <si>
    <t>定年後の雇用はしない</t>
    <rPh sb="0" eb="3">
      <t>テイネンゴ</t>
    </rPh>
    <rPh sb="4" eb="6">
      <t>コヨウ</t>
    </rPh>
    <phoneticPr fontId="3"/>
  </si>
  <si>
    <t>定年制の定めなし</t>
    <rPh sb="0" eb="3">
      <t>テイネンセイ</t>
    </rPh>
    <rPh sb="4" eb="5">
      <t>サダ</t>
    </rPh>
    <phoneticPr fontId="3"/>
  </si>
  <si>
    <t>１２：退職金・企業年金制度</t>
    <phoneticPr fontId="3"/>
  </si>
  <si>
    <t>30人
～99人</t>
    <phoneticPr fontId="3"/>
  </si>
  <si>
    <t>Ｄ．建設業</t>
    <phoneticPr fontId="3"/>
  </si>
  <si>
    <t>Ｆ．電気・ｶﾞｽ
・熱供給
・水道業</t>
    <phoneticPr fontId="3"/>
  </si>
  <si>
    <t>退職一時金のみ</t>
  </si>
  <si>
    <t>退職年金のみ</t>
  </si>
  <si>
    <t>退職一時金と退職年金</t>
  </si>
  <si>
    <t>ない</t>
  </si>
  <si>
    <t>１３：退職一時金の支払準備形態（MA）</t>
    <phoneticPr fontId="3"/>
  </si>
  <si>
    <t>企業内で準備</t>
  </si>
  <si>
    <t>中小企業退職金共済制度</t>
  </si>
  <si>
    <t>特定退職金共済制度</t>
  </si>
  <si>
    <t>１４：公的医療保険</t>
    <phoneticPr fontId="3"/>
  </si>
  <si>
    <t>100人
～299人</t>
    <phoneticPr fontId="3"/>
  </si>
  <si>
    <t>協会けんぽ(全国健康保険協会)</t>
  </si>
  <si>
    <t>健保組合(健康保険組合)</t>
  </si>
  <si>
    <t>共済組合(私立学校教職員)</t>
  </si>
  <si>
    <t>国民健康保険(国民健康保険組合)</t>
  </si>
  <si>
    <t>国民健康保険(市町村)</t>
  </si>
  <si>
    <t>１５：産休中の給与</t>
    <phoneticPr fontId="3"/>
  </si>
  <si>
    <t>出産前の100％</t>
  </si>
  <si>
    <t>出産前の2/3以上100％未満</t>
  </si>
  <si>
    <t>出産前の2/3未満</t>
  </si>
  <si>
    <t>１６：育休中の給与</t>
    <phoneticPr fontId="3"/>
  </si>
  <si>
    <t>5人～29人</t>
    <phoneticPr fontId="3"/>
  </si>
  <si>
    <t>出産前の4/5以上100％未満</t>
  </si>
  <si>
    <t>出産前の4/5未満</t>
  </si>
  <si>
    <t>１７：育児休業の規定の有無</t>
    <phoneticPr fontId="3"/>
  </si>
  <si>
    <t>規定がある</t>
    <phoneticPr fontId="3"/>
  </si>
  <si>
    <t>規定がない</t>
    <phoneticPr fontId="3"/>
  </si>
  <si>
    <t>１８：１歳６カ月未満の子の養育と育児休業の利用状況</t>
    <phoneticPr fontId="3"/>
  </si>
  <si>
    <t>5人～29人</t>
    <phoneticPr fontId="3"/>
  </si>
  <si>
    <t>１歳６か月未満の子がいる</t>
    <rPh sb="4" eb="5">
      <t>ゲツ</t>
    </rPh>
    <phoneticPr fontId="3"/>
  </si>
  <si>
    <t>育児休業を利用した</t>
  </si>
  <si>
    <t>代替要員を採用した</t>
    <rPh sb="0" eb="2">
      <t>ダイタイ</t>
    </rPh>
    <rPh sb="2" eb="4">
      <t>ヨウイン</t>
    </rPh>
    <rPh sb="5" eb="7">
      <t>サイヨウ</t>
    </rPh>
    <phoneticPr fontId="3"/>
  </si>
  <si>
    <t>代替要員を採用しなかった</t>
    <rPh sb="0" eb="2">
      <t>ダイタイ</t>
    </rPh>
    <rPh sb="2" eb="4">
      <t>ヨウイン</t>
    </rPh>
    <rPh sb="5" eb="7">
      <t>サイヨウ</t>
    </rPh>
    <phoneticPr fontId="3"/>
  </si>
  <si>
    <t>育児休業を利用しなかった</t>
  </si>
  <si>
    <t>１歳６か月未満の子がいない</t>
    <rPh sb="4" eb="5">
      <t>ゲツ</t>
    </rPh>
    <phoneticPr fontId="3"/>
  </si>
  <si>
    <t>（人、％）</t>
    <rPh sb="1" eb="2">
      <t>ニン</t>
    </rPh>
    <phoneticPr fontId="3"/>
  </si>
  <si>
    <t>100人
～299人</t>
    <phoneticPr fontId="3"/>
  </si>
  <si>
    <t>取得人数割合</t>
  </si>
  <si>
    <t>１歳６か月未満の子を養育している男性</t>
    <rPh sb="1" eb="2">
      <t>サイ</t>
    </rPh>
    <rPh sb="4" eb="5">
      <t>ゲツ</t>
    </rPh>
    <rPh sb="5" eb="7">
      <t>ミマン</t>
    </rPh>
    <rPh sb="8" eb="9">
      <t>コ</t>
    </rPh>
    <rPh sb="10" eb="12">
      <t>ヨウイク</t>
    </rPh>
    <rPh sb="16" eb="18">
      <t>ダンセイ</t>
    </rPh>
    <phoneticPr fontId="3"/>
  </si>
  <si>
    <t>男性での取得人数割合</t>
  </si>
  <si>
    <t>１歳６か月未満の子を養育している女性</t>
    <rPh sb="1" eb="2">
      <t>サイ</t>
    </rPh>
    <rPh sb="4" eb="5">
      <t>ゲツ</t>
    </rPh>
    <rPh sb="5" eb="7">
      <t>ミマン</t>
    </rPh>
    <rPh sb="8" eb="9">
      <t>コ</t>
    </rPh>
    <rPh sb="10" eb="12">
      <t>ヨウイク</t>
    </rPh>
    <rPh sb="16" eb="18">
      <t>ジョセイ</t>
    </rPh>
    <phoneticPr fontId="3"/>
  </si>
  <si>
    <t>女性での取得人数割合</t>
  </si>
  <si>
    <t>取得者のうち男性の割合</t>
  </si>
  <si>
    <t>取得人数割合は、１歳６か月未満の子を養育する者に対する育児休業取得者の割合を示す。</t>
    <rPh sb="12" eb="13">
      <t>ゲツ</t>
    </rPh>
    <phoneticPr fontId="3"/>
  </si>
  <si>
    <t>男性取得者数割合は、育児休業取得者のうち男性の取得者数割合を示す。</t>
  </si>
  <si>
    <t>２０：育児休業の利用期間</t>
    <phoneticPr fontId="3"/>
  </si>
  <si>
    <t>利用期間</t>
    <rPh sb="0" eb="2">
      <t>リヨウ</t>
    </rPh>
    <rPh sb="2" eb="4">
      <t>キカン</t>
    </rPh>
    <phoneticPr fontId="3"/>
  </si>
  <si>
    <t>Ｄ．建設業</t>
    <phoneticPr fontId="3"/>
  </si>
  <si>
    <t>６ヶ月未満</t>
    <rPh sb="2" eb="3">
      <t>ゲツ</t>
    </rPh>
    <rPh sb="3" eb="5">
      <t>ミマン</t>
    </rPh>
    <phoneticPr fontId="3"/>
  </si>
  <si>
    <t>６ヶ月以上１２ヶ月未満</t>
    <rPh sb="2" eb="3">
      <t>ゲツ</t>
    </rPh>
    <rPh sb="3" eb="5">
      <t>イジョウ</t>
    </rPh>
    <rPh sb="8" eb="9">
      <t>ゲツ</t>
    </rPh>
    <rPh sb="9" eb="11">
      <t>ミマン</t>
    </rPh>
    <phoneticPr fontId="3"/>
  </si>
  <si>
    <t>１年以上</t>
    <rPh sb="1" eb="4">
      <t>ネンイジョウ</t>
    </rPh>
    <phoneticPr fontId="3"/>
  </si>
  <si>
    <t>ある</t>
    <phoneticPr fontId="3"/>
  </si>
  <si>
    <t>社内報等による情報提供</t>
    <rPh sb="0" eb="4">
      <t>シャナイホウトウ</t>
    </rPh>
    <rPh sb="7" eb="9">
      <t>ジョウホウ</t>
    </rPh>
    <rPh sb="9" eb="11">
      <t>テイキョウ</t>
    </rPh>
    <phoneticPr fontId="3"/>
  </si>
  <si>
    <t>講習実施</t>
    <rPh sb="0" eb="2">
      <t>コウシュウ</t>
    </rPh>
    <rPh sb="2" eb="4">
      <t>ジッシ</t>
    </rPh>
    <phoneticPr fontId="3"/>
  </si>
  <si>
    <t>ない</t>
    <phoneticPr fontId="3"/>
  </si>
  <si>
    <t>２２：子の看護休暇制度</t>
    <phoneticPr fontId="3"/>
  </si>
  <si>
    <t>小学校就学前の子を養育している</t>
    <rPh sb="0" eb="3">
      <t>ショウガッコウ</t>
    </rPh>
    <rPh sb="3" eb="6">
      <t>シュウガクマエ</t>
    </rPh>
    <rPh sb="7" eb="8">
      <t>コ</t>
    </rPh>
    <rPh sb="9" eb="11">
      <t>ヨウイク</t>
    </rPh>
    <phoneticPr fontId="3"/>
  </si>
  <si>
    <t>小学校就学前の子を養育していない</t>
    <rPh sb="0" eb="3">
      <t>ショウガッコウ</t>
    </rPh>
    <rPh sb="3" eb="6">
      <t>シュウガクマエ</t>
    </rPh>
    <rPh sb="7" eb="8">
      <t>コ</t>
    </rPh>
    <rPh sb="9" eb="11">
      <t>ヨウイク</t>
    </rPh>
    <phoneticPr fontId="3"/>
  </si>
  <si>
    <t>子の看護休暇制度がある</t>
    <rPh sb="0" eb="1">
      <t>コ</t>
    </rPh>
    <rPh sb="2" eb="4">
      <t>カンゴ</t>
    </rPh>
    <rPh sb="4" eb="6">
      <t>キュウカ</t>
    </rPh>
    <rPh sb="6" eb="8">
      <t>セイド</t>
    </rPh>
    <phoneticPr fontId="3"/>
  </si>
  <si>
    <t>利用した</t>
    <rPh sb="0" eb="2">
      <t>リヨウ</t>
    </rPh>
    <phoneticPr fontId="3"/>
  </si>
  <si>
    <t>利用しなかった</t>
    <rPh sb="0" eb="2">
      <t>リヨウ</t>
    </rPh>
    <phoneticPr fontId="3"/>
  </si>
  <si>
    <t>子の看護休暇制度がない</t>
    <rPh sb="0" eb="1">
      <t>コ</t>
    </rPh>
    <rPh sb="2" eb="4">
      <t>カンゴ</t>
    </rPh>
    <rPh sb="4" eb="6">
      <t>キュウカ</t>
    </rPh>
    <rPh sb="6" eb="8">
      <t>セイド</t>
    </rPh>
    <phoneticPr fontId="3"/>
  </si>
  <si>
    <t>２３：看護休暇の日数</t>
    <rPh sb="3" eb="5">
      <t>カンゴ</t>
    </rPh>
    <rPh sb="5" eb="7">
      <t>キュウカ</t>
    </rPh>
    <rPh sb="8" eb="10">
      <t>ニッスウ</t>
    </rPh>
    <phoneticPr fontId="3"/>
  </si>
  <si>
    <t>（日、人、％）</t>
    <rPh sb="1" eb="2">
      <t>ニチ</t>
    </rPh>
    <rPh sb="3" eb="4">
      <t>ニン</t>
    </rPh>
    <phoneticPr fontId="3"/>
  </si>
  <si>
    <t>30人
～99人</t>
    <phoneticPr fontId="3"/>
  </si>
  <si>
    <t>１日～４日（％）</t>
    <phoneticPr fontId="3"/>
  </si>
  <si>
    <t>５日（％）</t>
    <rPh sb="1" eb="2">
      <t>ニチ</t>
    </rPh>
    <phoneticPr fontId="3"/>
  </si>
  <si>
    <t>６日～（％）</t>
    <phoneticPr fontId="3"/>
  </si>
  <si>
    <t>平均取得日数（日）</t>
  </si>
  <si>
    <t>取得人数割合（％）</t>
  </si>
  <si>
    <t>小学校就学前の子を養育している男性（人）</t>
    <rPh sb="0" eb="3">
      <t>ショウガッコウ</t>
    </rPh>
    <rPh sb="3" eb="6">
      <t>シュウガクマエ</t>
    </rPh>
    <rPh sb="7" eb="8">
      <t>コ</t>
    </rPh>
    <rPh sb="9" eb="11">
      <t>ヨウイク</t>
    </rPh>
    <rPh sb="15" eb="17">
      <t>ダンセイ</t>
    </rPh>
    <rPh sb="18" eb="19">
      <t>ニン</t>
    </rPh>
    <phoneticPr fontId="3"/>
  </si>
  <si>
    <t>小学校就学前の子を養育している女性（人）</t>
    <rPh sb="0" eb="3">
      <t>ショウガッコウ</t>
    </rPh>
    <rPh sb="3" eb="6">
      <t>シュウガクマエ</t>
    </rPh>
    <rPh sb="7" eb="8">
      <t>コ</t>
    </rPh>
    <rPh sb="9" eb="11">
      <t>ヨウイク</t>
    </rPh>
    <rPh sb="15" eb="17">
      <t>ジョセイ</t>
    </rPh>
    <rPh sb="18" eb="19">
      <t>ニン</t>
    </rPh>
    <phoneticPr fontId="3"/>
  </si>
  <si>
    <t>取得人数割合は、小学校就学前児童を養育する者に対する子の看護休暇取得者の割合を示す。</t>
  </si>
  <si>
    <t>２４：３歳未満の子を養育する労働者</t>
    <phoneticPr fontId="3"/>
  </si>
  <si>
    <t>３歳未満の子を養育している</t>
    <rPh sb="1" eb="2">
      <t>サイ</t>
    </rPh>
    <rPh sb="2" eb="4">
      <t>ミマン</t>
    </rPh>
    <rPh sb="5" eb="6">
      <t>コ</t>
    </rPh>
    <rPh sb="7" eb="9">
      <t>ヨウイク</t>
    </rPh>
    <phoneticPr fontId="3"/>
  </si>
  <si>
    <t>３歳未満の子を養育していない</t>
    <rPh sb="1" eb="4">
      <t>サイミマン</t>
    </rPh>
    <rPh sb="5" eb="6">
      <t>コ</t>
    </rPh>
    <rPh sb="7" eb="9">
      <t>ヨウイク</t>
    </rPh>
    <phoneticPr fontId="3"/>
  </si>
  <si>
    <t>２５：３歳未満の子の養育のための所定労働時間短縮措置等の内容（MA）</t>
    <phoneticPr fontId="3"/>
  </si>
  <si>
    <t>5人～29人</t>
    <phoneticPr fontId="3"/>
  </si>
  <si>
    <t>Ｆ．電気・ｶﾞｽ
・熱供給
・水道業</t>
    <phoneticPr fontId="3"/>
  </si>
  <si>
    <t>ある</t>
    <phoneticPr fontId="3"/>
  </si>
  <si>
    <t>短時間勤務制度</t>
    <rPh sb="0" eb="3">
      <t>タンジカン</t>
    </rPh>
    <rPh sb="3" eb="5">
      <t>キンム</t>
    </rPh>
    <rPh sb="5" eb="7">
      <t>セイド</t>
    </rPh>
    <phoneticPr fontId="3"/>
  </si>
  <si>
    <t>フレックスタイム制度</t>
    <rPh sb="8" eb="10">
      <t>セイド</t>
    </rPh>
    <phoneticPr fontId="3"/>
  </si>
  <si>
    <t>始業終業時間の繰上繰下</t>
    <rPh sb="0" eb="2">
      <t>シギョウ</t>
    </rPh>
    <rPh sb="2" eb="4">
      <t>シュウギョウ</t>
    </rPh>
    <rPh sb="4" eb="6">
      <t>ジカン</t>
    </rPh>
    <rPh sb="7" eb="9">
      <t>クリア</t>
    </rPh>
    <rPh sb="9" eb="11">
      <t>クリサ</t>
    </rPh>
    <phoneticPr fontId="3"/>
  </si>
  <si>
    <t>事業所内保育施設の設置</t>
    <rPh sb="0" eb="3">
      <t>ジギョウショ</t>
    </rPh>
    <rPh sb="3" eb="4">
      <t>ナイ</t>
    </rPh>
    <rPh sb="4" eb="6">
      <t>ホイク</t>
    </rPh>
    <rPh sb="6" eb="8">
      <t>シセツ</t>
    </rPh>
    <rPh sb="9" eb="11">
      <t>セッチ</t>
    </rPh>
    <phoneticPr fontId="3"/>
  </si>
  <si>
    <t>育児休業に準ずる制度</t>
    <rPh sb="0" eb="2">
      <t>イクジ</t>
    </rPh>
    <rPh sb="2" eb="4">
      <t>キュウギョウ</t>
    </rPh>
    <rPh sb="5" eb="6">
      <t>ジュン</t>
    </rPh>
    <rPh sb="8" eb="10">
      <t>セイド</t>
    </rPh>
    <phoneticPr fontId="3"/>
  </si>
  <si>
    <t>テレワーク（在宅以外の勤務）</t>
    <phoneticPr fontId="3"/>
  </si>
  <si>
    <t>育児に要する経費の援助</t>
    <rPh sb="0" eb="2">
      <t>イクジ</t>
    </rPh>
    <rPh sb="3" eb="4">
      <t>ヨウ</t>
    </rPh>
    <rPh sb="6" eb="8">
      <t>ケイヒ</t>
    </rPh>
    <rPh sb="9" eb="11">
      <t>エンジョ</t>
    </rPh>
    <phoneticPr fontId="3"/>
  </si>
  <si>
    <t>ない</t>
    <phoneticPr fontId="3"/>
  </si>
  <si>
    <t>5人～29人</t>
    <phoneticPr fontId="3"/>
  </si>
  <si>
    <t>Ｄ．建設業</t>
    <phoneticPr fontId="3"/>
  </si>
  <si>
    <t>Ｅ．製造業</t>
    <phoneticPr fontId="3"/>
  </si>
  <si>
    <t>所定労働時間短縮等</t>
    <phoneticPr fontId="3"/>
  </si>
  <si>
    <t>看護休暇</t>
    <phoneticPr fontId="3"/>
  </si>
  <si>
    <t>深夜業、時間外労働の制限</t>
    <phoneticPr fontId="3"/>
  </si>
  <si>
    <t>ない</t>
    <phoneticPr fontId="3"/>
  </si>
  <si>
    <t>２７：出産・育児による退職者の再雇用</t>
    <phoneticPr fontId="3"/>
  </si>
  <si>
    <t>100人
～299人</t>
    <phoneticPr fontId="3"/>
  </si>
  <si>
    <t>Ｄ．建設業</t>
    <phoneticPr fontId="3"/>
  </si>
  <si>
    <t>再雇用制度がある</t>
    <rPh sb="0" eb="3">
      <t>サイコヨウ</t>
    </rPh>
    <rPh sb="3" eb="5">
      <t>セイド</t>
    </rPh>
    <phoneticPr fontId="3"/>
  </si>
  <si>
    <t>常時労働者として雇用</t>
    <rPh sb="0" eb="2">
      <t>ジョウジ</t>
    </rPh>
    <rPh sb="2" eb="5">
      <t>ロウドウシャ</t>
    </rPh>
    <rPh sb="8" eb="10">
      <t>コヨウ</t>
    </rPh>
    <phoneticPr fontId="3"/>
  </si>
  <si>
    <t>臨時・パートタイムとして雇用</t>
    <rPh sb="0" eb="2">
      <t>リンジ</t>
    </rPh>
    <rPh sb="12" eb="14">
      <t>コヨウ</t>
    </rPh>
    <phoneticPr fontId="3"/>
  </si>
  <si>
    <t>両方</t>
    <rPh sb="0" eb="2">
      <t>リョウホウ</t>
    </rPh>
    <phoneticPr fontId="3"/>
  </si>
  <si>
    <t>再雇用制度がない</t>
    <rPh sb="0" eb="3">
      <t>サイコヨウ</t>
    </rPh>
    <rPh sb="3" eb="5">
      <t>セイド</t>
    </rPh>
    <phoneticPr fontId="3"/>
  </si>
  <si>
    <t>具体的な予定あり</t>
    <rPh sb="0" eb="3">
      <t>グタイテキ</t>
    </rPh>
    <rPh sb="4" eb="6">
      <t>ヨテイ</t>
    </rPh>
    <phoneticPr fontId="3"/>
  </si>
  <si>
    <t>予定なし</t>
    <rPh sb="0" eb="2">
      <t>ヨテイ</t>
    </rPh>
    <phoneticPr fontId="3"/>
  </si>
  <si>
    <t>２８：介護休業の規定の有無</t>
    <phoneticPr fontId="3"/>
  </si>
  <si>
    <t>規定がある</t>
    <phoneticPr fontId="3"/>
  </si>
  <si>
    <t>２９：介護休業の利用期間</t>
    <phoneticPr fontId="3"/>
  </si>
  <si>
    <t>30人
～99人</t>
    <phoneticPr fontId="3"/>
  </si>
  <si>
    <t>通算して９３日まで</t>
    <rPh sb="0" eb="2">
      <t>ツウサン</t>
    </rPh>
    <rPh sb="6" eb="7">
      <t>ニチ</t>
    </rPh>
    <phoneticPr fontId="3"/>
  </si>
  <si>
    <t>９３日を超え６か月未満</t>
    <rPh sb="2" eb="3">
      <t>ニチ</t>
    </rPh>
    <rPh sb="4" eb="5">
      <t>コ</t>
    </rPh>
    <rPh sb="8" eb="9">
      <t>ゲツ</t>
    </rPh>
    <rPh sb="9" eb="11">
      <t>ミマン</t>
    </rPh>
    <phoneticPr fontId="3"/>
  </si>
  <si>
    <t>６か月以上１年未満</t>
    <rPh sb="2" eb="3">
      <t>ゲツ</t>
    </rPh>
    <rPh sb="3" eb="5">
      <t>イジョウ</t>
    </rPh>
    <rPh sb="6" eb="7">
      <t>ネン</t>
    </rPh>
    <rPh sb="7" eb="9">
      <t>ミマン</t>
    </rPh>
    <phoneticPr fontId="3"/>
  </si>
  <si>
    <t>１年</t>
    <rPh sb="1" eb="2">
      <t>ネン</t>
    </rPh>
    <phoneticPr fontId="3"/>
  </si>
  <si>
    <t>１年超</t>
    <rPh sb="1" eb="2">
      <t>ネン</t>
    </rPh>
    <rPh sb="2" eb="3">
      <t>チョウ</t>
    </rPh>
    <phoneticPr fontId="3"/>
  </si>
  <si>
    <t>３０：介護休業の対象家族</t>
    <phoneticPr fontId="3"/>
  </si>
  <si>
    <t>5人～29人</t>
    <phoneticPr fontId="3"/>
  </si>
  <si>
    <t>育児・介護休業法の対象家族</t>
  </si>
  <si>
    <t>上記以外</t>
    <rPh sb="0" eb="4">
      <t>ジョウキイガイ</t>
    </rPh>
    <phoneticPr fontId="3"/>
  </si>
  <si>
    <t>３１：介護休業の利用状況</t>
    <phoneticPr fontId="3"/>
  </si>
  <si>
    <t>介護休業を利用した人がいる</t>
    <rPh sb="0" eb="2">
      <t>カイゴ</t>
    </rPh>
    <rPh sb="2" eb="4">
      <t>キュウギョウ</t>
    </rPh>
    <rPh sb="5" eb="7">
      <t>リヨウ</t>
    </rPh>
    <rPh sb="9" eb="10">
      <t>ヒト</t>
    </rPh>
    <phoneticPr fontId="3"/>
  </si>
  <si>
    <t>介護休業を利用した人がいない</t>
    <rPh sb="0" eb="2">
      <t>カイゴ</t>
    </rPh>
    <rPh sb="2" eb="4">
      <t>キュウギョウ</t>
    </rPh>
    <rPh sb="5" eb="7">
      <t>リヨウ</t>
    </rPh>
    <rPh sb="9" eb="10">
      <t>ヒト</t>
    </rPh>
    <phoneticPr fontId="3"/>
  </si>
  <si>
    <t>利用者のうち男性の割合</t>
    <rPh sb="0" eb="3">
      <t>リヨウシャ</t>
    </rPh>
    <rPh sb="6" eb="8">
      <t>ダンセイ</t>
    </rPh>
    <rPh sb="9" eb="11">
      <t>ワリアイ</t>
    </rPh>
    <phoneticPr fontId="3"/>
  </si>
  <si>
    <t>３２：介護を行う労働者のための勤務時間短縮措置等の状況（MA)</t>
    <phoneticPr fontId="3"/>
  </si>
  <si>
    <t>100人
～299人</t>
    <phoneticPr fontId="3"/>
  </si>
  <si>
    <t>所定労働時間の短縮</t>
    <rPh sb="0" eb="2">
      <t>ショテイ</t>
    </rPh>
    <rPh sb="2" eb="4">
      <t>ロウドウ</t>
    </rPh>
    <rPh sb="4" eb="6">
      <t>ジカン</t>
    </rPh>
    <rPh sb="7" eb="9">
      <t>タンシュク</t>
    </rPh>
    <phoneticPr fontId="3"/>
  </si>
  <si>
    <t>フレックスタイム</t>
    <phoneticPr fontId="3"/>
  </si>
  <si>
    <t>始業終業時刻の繰上繰下</t>
    <rPh sb="0" eb="2">
      <t>シギョウ</t>
    </rPh>
    <rPh sb="2" eb="4">
      <t>シュウギョウ</t>
    </rPh>
    <rPh sb="4" eb="6">
      <t>ジコク</t>
    </rPh>
    <rPh sb="7" eb="9">
      <t>クリア</t>
    </rPh>
    <rPh sb="9" eb="11">
      <t>クリサ</t>
    </rPh>
    <phoneticPr fontId="3"/>
  </si>
  <si>
    <t>介護サービス費用援助</t>
    <rPh sb="0" eb="2">
      <t>カイゴ</t>
    </rPh>
    <rPh sb="6" eb="8">
      <t>ヒヨウ</t>
    </rPh>
    <rPh sb="8" eb="10">
      <t>エンジョ</t>
    </rPh>
    <phoneticPr fontId="3"/>
  </si>
  <si>
    <t>テレワーク（在宅以外の勤務）</t>
  </si>
  <si>
    <t>３３：介護等による退職者の再雇用</t>
    <phoneticPr fontId="3"/>
  </si>
  <si>
    <t>Ｅ．製造業</t>
    <phoneticPr fontId="3"/>
  </si>
  <si>
    <t>常用労働者として雇用</t>
    <rPh sb="0" eb="2">
      <t>ジョウヨウ</t>
    </rPh>
    <rPh sb="2" eb="5">
      <t>ロウドウシャ</t>
    </rPh>
    <rPh sb="8" eb="10">
      <t>コヨウ</t>
    </rPh>
    <phoneticPr fontId="3"/>
  </si>
  <si>
    <t>３４：女性の登用</t>
    <phoneticPr fontId="3"/>
  </si>
  <si>
    <t>Ｅ．製造業</t>
    <phoneticPr fontId="3"/>
  </si>
  <si>
    <t>役員</t>
    <rPh sb="0" eb="2">
      <t>ヤクイン</t>
    </rPh>
    <phoneticPr fontId="3"/>
  </si>
  <si>
    <t>全役員数</t>
    <rPh sb="0" eb="3">
      <t>ゼンヤクイン</t>
    </rPh>
    <rPh sb="3" eb="4">
      <t>スウ</t>
    </rPh>
    <phoneticPr fontId="3"/>
  </si>
  <si>
    <t>そのうちの女性数</t>
    <rPh sb="5" eb="7">
      <t>ジョセイ</t>
    </rPh>
    <rPh sb="7" eb="8">
      <t>スウ</t>
    </rPh>
    <phoneticPr fontId="3"/>
  </si>
  <si>
    <t>女性の人数割合</t>
    <rPh sb="0" eb="2">
      <t>ジョセイ</t>
    </rPh>
    <rPh sb="3" eb="5">
      <t>ニンズウ</t>
    </rPh>
    <rPh sb="5" eb="7">
      <t>ワリアイ</t>
    </rPh>
    <phoneticPr fontId="3"/>
  </si>
  <si>
    <t>部長</t>
    <rPh sb="0" eb="2">
      <t>ブチョウ</t>
    </rPh>
    <phoneticPr fontId="3"/>
  </si>
  <si>
    <t>全部長数</t>
    <rPh sb="0" eb="2">
      <t>ゼンブ</t>
    </rPh>
    <rPh sb="2" eb="3">
      <t>オサ</t>
    </rPh>
    <rPh sb="3" eb="4">
      <t>カズ</t>
    </rPh>
    <phoneticPr fontId="3"/>
  </si>
  <si>
    <t>課長</t>
    <rPh sb="0" eb="1">
      <t>カ</t>
    </rPh>
    <rPh sb="1" eb="2">
      <t>チョウ</t>
    </rPh>
    <phoneticPr fontId="3"/>
  </si>
  <si>
    <t>全課長数</t>
    <rPh sb="0" eb="2">
      <t>ゼンカ</t>
    </rPh>
    <rPh sb="2" eb="3">
      <t>オサ</t>
    </rPh>
    <rPh sb="3" eb="4">
      <t>カズ</t>
    </rPh>
    <phoneticPr fontId="3"/>
  </si>
  <si>
    <t>係長</t>
    <rPh sb="0" eb="2">
      <t>カカリチョウ</t>
    </rPh>
    <phoneticPr fontId="3"/>
  </si>
  <si>
    <t>全係長数</t>
    <rPh sb="0" eb="1">
      <t>ゼン</t>
    </rPh>
    <rPh sb="1" eb="2">
      <t>ガカリ</t>
    </rPh>
    <rPh sb="2" eb="3">
      <t>オサ</t>
    </rPh>
    <rPh sb="3" eb="4">
      <t>カズ</t>
    </rPh>
    <phoneticPr fontId="3"/>
  </si>
  <si>
    <t>係長以上への登用割合</t>
    <rPh sb="0" eb="1">
      <t>カカリ</t>
    </rPh>
    <rPh sb="1" eb="2">
      <t>チョウ</t>
    </rPh>
    <rPh sb="2" eb="4">
      <t>イジョウ</t>
    </rPh>
    <rPh sb="6" eb="8">
      <t>トウヨウ</t>
    </rPh>
    <rPh sb="8" eb="10">
      <t>ワリアイ</t>
    </rPh>
    <phoneticPr fontId="3"/>
  </si>
  <si>
    <t>女性を登用する事業所割合</t>
    <rPh sb="0" eb="2">
      <t>ジョセイ</t>
    </rPh>
    <rPh sb="3" eb="5">
      <t>トウヨウ</t>
    </rPh>
    <rPh sb="7" eb="10">
      <t>ジギョウショ</t>
    </rPh>
    <rPh sb="10" eb="12">
      <t>ワリアイ</t>
    </rPh>
    <phoneticPr fontId="3"/>
  </si>
  <si>
    <t>３５：男女格差解消の取り組み状況（MA）</t>
    <phoneticPr fontId="3"/>
  </si>
  <si>
    <t>30人
～99人</t>
    <phoneticPr fontId="3"/>
  </si>
  <si>
    <t>100人
～299人</t>
    <phoneticPr fontId="3"/>
  </si>
  <si>
    <t>Ｅ．製造業</t>
    <phoneticPr fontId="3"/>
  </si>
  <si>
    <t>女性の採用拡大</t>
    <rPh sb="0" eb="2">
      <t>ジョセイ</t>
    </rPh>
    <rPh sb="3" eb="5">
      <t>サイヨウ</t>
    </rPh>
    <rPh sb="5" eb="7">
      <t>カクダイ</t>
    </rPh>
    <phoneticPr fontId="3"/>
  </si>
  <si>
    <t>女性の職域拡大</t>
    <rPh sb="0" eb="2">
      <t>ジョセイ</t>
    </rPh>
    <rPh sb="3" eb="5">
      <t>ショクイキ</t>
    </rPh>
    <rPh sb="5" eb="7">
      <t>カクダイ</t>
    </rPh>
    <phoneticPr fontId="3"/>
  </si>
  <si>
    <t>女性管理職の増加</t>
    <rPh sb="0" eb="2">
      <t>ジョセイ</t>
    </rPh>
    <rPh sb="2" eb="4">
      <t>カンリ</t>
    </rPh>
    <rPh sb="4" eb="5">
      <t>ショク</t>
    </rPh>
    <rPh sb="6" eb="8">
      <t>ゾウカ</t>
    </rPh>
    <phoneticPr fontId="3"/>
  </si>
  <si>
    <t>仕事と家庭の両立支援</t>
    <rPh sb="0" eb="2">
      <t>シゴト</t>
    </rPh>
    <rPh sb="3" eb="5">
      <t>カテイ</t>
    </rPh>
    <rPh sb="6" eb="8">
      <t>リョウリツ</t>
    </rPh>
    <rPh sb="8" eb="10">
      <t>シエン</t>
    </rPh>
    <phoneticPr fontId="3"/>
  </si>
  <si>
    <t>職場環境・風土の改善</t>
    <rPh sb="0" eb="2">
      <t>ショクバ</t>
    </rPh>
    <rPh sb="2" eb="4">
      <t>カンキョウ</t>
    </rPh>
    <rPh sb="5" eb="7">
      <t>フウド</t>
    </rPh>
    <rPh sb="8" eb="10">
      <t>カイゼン</t>
    </rPh>
    <phoneticPr fontId="3"/>
  </si>
  <si>
    <t>取組み体制の整備</t>
    <rPh sb="0" eb="2">
      <t>トリク</t>
    </rPh>
    <rPh sb="3" eb="5">
      <t>タイセイ</t>
    </rPh>
    <rPh sb="6" eb="8">
      <t>セイビ</t>
    </rPh>
    <phoneticPr fontId="3"/>
  </si>
  <si>
    <t>３６：セクシュアルハラスメントの防止対策等（MA）</t>
    <phoneticPr fontId="3"/>
  </si>
  <si>
    <t>従業員への研修の実施</t>
    <rPh sb="0" eb="3">
      <t>ジュウギョウイン</t>
    </rPh>
    <rPh sb="5" eb="7">
      <t>ケンシュウ</t>
    </rPh>
    <rPh sb="8" eb="10">
      <t>ジッシ</t>
    </rPh>
    <phoneticPr fontId="3"/>
  </si>
  <si>
    <t>相談担当者への研修の実施</t>
    <rPh sb="0" eb="2">
      <t>ソウダン</t>
    </rPh>
    <rPh sb="2" eb="5">
      <t>タントウシャ</t>
    </rPh>
    <rPh sb="7" eb="9">
      <t>ケンシュウ</t>
    </rPh>
    <rPh sb="10" eb="12">
      <t>ジッシ</t>
    </rPh>
    <phoneticPr fontId="3"/>
  </si>
  <si>
    <t>社内報や掲示板による広報</t>
    <rPh sb="0" eb="3">
      <t>シャナイホウ</t>
    </rPh>
    <rPh sb="4" eb="7">
      <t>ケイジバン</t>
    </rPh>
    <rPh sb="10" eb="12">
      <t>コウホウ</t>
    </rPh>
    <phoneticPr fontId="3"/>
  </si>
  <si>
    <t>相談・苦情処理窓口の設置</t>
    <rPh sb="0" eb="2">
      <t>ソウダン</t>
    </rPh>
    <rPh sb="3" eb="5">
      <t>クジョウ</t>
    </rPh>
    <rPh sb="5" eb="7">
      <t>ショリ</t>
    </rPh>
    <rPh sb="7" eb="9">
      <t>マドグチ</t>
    </rPh>
    <rPh sb="10" eb="12">
      <t>セッチ</t>
    </rPh>
    <phoneticPr fontId="3"/>
  </si>
  <si>
    <t>苦情処理体制（マニュアル）整備</t>
    <rPh sb="0" eb="2">
      <t>クジョウ</t>
    </rPh>
    <rPh sb="2" eb="4">
      <t>ショリ</t>
    </rPh>
    <rPh sb="4" eb="6">
      <t>タイセイ</t>
    </rPh>
    <rPh sb="13" eb="15">
      <t>セイビ</t>
    </rPh>
    <phoneticPr fontId="3"/>
  </si>
  <si>
    <t>就業規則等に禁止事項として規定</t>
    <rPh sb="0" eb="2">
      <t>シュウギョウ</t>
    </rPh>
    <rPh sb="2" eb="5">
      <t>キソクトウ</t>
    </rPh>
    <rPh sb="6" eb="8">
      <t>キンシ</t>
    </rPh>
    <rPh sb="8" eb="10">
      <t>ジコウ</t>
    </rPh>
    <rPh sb="13" eb="15">
      <t>キテイ</t>
    </rPh>
    <phoneticPr fontId="3"/>
  </si>
  <si>
    <t>実態調査の実施</t>
    <rPh sb="0" eb="2">
      <t>ジッタイ</t>
    </rPh>
    <rPh sb="2" eb="4">
      <t>チョウサ</t>
    </rPh>
    <rPh sb="5" eb="7">
      <t>ジッシ</t>
    </rPh>
    <phoneticPr fontId="3"/>
  </si>
  <si>
    <t>３７：パワーハラスメントの防止対策等（MA）</t>
    <phoneticPr fontId="3"/>
  </si>
  <si>
    <t>３８：マタニティハラスメントの防止対策等（MA）</t>
    <phoneticPr fontId="3"/>
  </si>
  <si>
    <t>Ｆ．電気・ｶﾞｽ
・熱供給
・水道業</t>
    <phoneticPr fontId="3"/>
  </si>
  <si>
    <t>３９：パタニティハラスメントの防止対策等（MA）</t>
    <phoneticPr fontId="3"/>
  </si>
  <si>
    <t>４０：働きやすい環境整備・必要な取組み（MA）</t>
    <phoneticPr fontId="3"/>
  </si>
  <si>
    <t>セミナー等による啓発</t>
    <phoneticPr fontId="3"/>
  </si>
  <si>
    <t>休暇取得促進等のキャンペーン等</t>
    <rPh sb="14" eb="15">
      <t>トウ</t>
    </rPh>
    <phoneticPr fontId="3"/>
  </si>
  <si>
    <t>先進取組企業との交流</t>
    <phoneticPr fontId="3"/>
  </si>
  <si>
    <t>関連する制度の情報提供</t>
  </si>
  <si>
    <t>従業員のキャリアアップ研修の推進</t>
  </si>
  <si>
    <t>企業内における推進リーダー等の養成</t>
  </si>
  <si>
    <t>企業に対する助成制度</t>
  </si>
  <si>
    <t>取組優良企業の表彰制度</t>
  </si>
  <si>
    <t>企業内の相談体制の整備</t>
  </si>
  <si>
    <t>従業員に対する助成制度</t>
  </si>
  <si>
    <t>４１：企業への助成制度（MA）</t>
    <phoneticPr fontId="3"/>
  </si>
  <si>
    <t>5人～29人</t>
    <phoneticPr fontId="3"/>
  </si>
  <si>
    <t>Ｅ．製造業</t>
    <phoneticPr fontId="3"/>
  </si>
  <si>
    <t>若者や女性の活躍促進の制度</t>
    <phoneticPr fontId="3"/>
  </si>
  <si>
    <t>意識啓発研修会を開催する制度</t>
    <phoneticPr fontId="3"/>
  </si>
  <si>
    <t>キャリアアップを促進する制度</t>
    <phoneticPr fontId="3"/>
  </si>
  <si>
    <t>仕事と育児・介護を両立する制度</t>
    <phoneticPr fontId="3"/>
  </si>
  <si>
    <t>４２：パートタイム労働者を雇用している産業別規模別事業所数</t>
    <phoneticPr fontId="3"/>
  </si>
  <si>
    <t>E</t>
    <phoneticPr fontId="3"/>
  </si>
  <si>
    <t>電気・ガス・</t>
    <phoneticPr fontId="3"/>
  </si>
  <si>
    <t>M</t>
    <phoneticPr fontId="3"/>
  </si>
  <si>
    <t>（他に分類されないもの）</t>
    <rPh sb="1" eb="2">
      <t>タ</t>
    </rPh>
    <rPh sb="3" eb="5">
      <t>ブンルイ</t>
    </rPh>
    <phoneticPr fontId="3"/>
  </si>
  <si>
    <t>計</t>
    <phoneticPr fontId="3"/>
  </si>
  <si>
    <t>４３：産業別男女別規模別パートタイム労働者数</t>
  </si>
  <si>
    <t>サービス業（他に分類されないもの）</t>
    <rPh sb="4" eb="5">
      <t>ギョウ</t>
    </rPh>
    <rPh sb="6" eb="7">
      <t>タ</t>
    </rPh>
    <rPh sb="8" eb="10">
      <t>ブンルイ</t>
    </rPh>
    <phoneticPr fontId="3"/>
  </si>
  <si>
    <t>４４．パートタイム労働者の就業規則</t>
    <rPh sb="9" eb="12">
      <t>ロウドウシャ</t>
    </rPh>
    <rPh sb="13" eb="15">
      <t>シュウギョウ</t>
    </rPh>
    <rPh sb="15" eb="17">
      <t>キソク</t>
    </rPh>
    <phoneticPr fontId="3"/>
  </si>
  <si>
    <t>項目</t>
    <rPh sb="0" eb="2">
      <t>コウモク</t>
    </rPh>
    <phoneticPr fontId="3"/>
  </si>
  <si>
    <t>パートタイム労働者専用の規則</t>
    <rPh sb="6" eb="9">
      <t>ロウドウシャ</t>
    </rPh>
    <rPh sb="9" eb="11">
      <t>センヨウ</t>
    </rPh>
    <rPh sb="12" eb="14">
      <t>キソク</t>
    </rPh>
    <phoneticPr fontId="3"/>
  </si>
  <si>
    <t>正規職員用の規則の中に規定あり</t>
    <rPh sb="0" eb="2">
      <t>セイキ</t>
    </rPh>
    <rPh sb="2" eb="5">
      <t>ショクインヨウ</t>
    </rPh>
    <rPh sb="6" eb="8">
      <t>キソク</t>
    </rPh>
    <rPh sb="9" eb="10">
      <t>ナカ</t>
    </rPh>
    <rPh sb="11" eb="13">
      <t>キテイ</t>
    </rPh>
    <phoneticPr fontId="3"/>
  </si>
  <si>
    <t>正規職員用規則の準用</t>
    <rPh sb="0" eb="2">
      <t>セイキ</t>
    </rPh>
    <rPh sb="2" eb="5">
      <t>ショクインヨウ</t>
    </rPh>
    <rPh sb="5" eb="7">
      <t>キソク</t>
    </rPh>
    <rPh sb="8" eb="10">
      <t>ジュンヨウ</t>
    </rPh>
    <phoneticPr fontId="3"/>
  </si>
  <si>
    <t>４５：パートタイム労働者の育児・介護休業制度の有無</t>
    <rPh sb="9" eb="12">
      <t>ロウドウシャ</t>
    </rPh>
    <rPh sb="13" eb="15">
      <t>イクジ</t>
    </rPh>
    <rPh sb="16" eb="18">
      <t>カイゴ</t>
    </rPh>
    <rPh sb="18" eb="20">
      <t>キュウギョウ</t>
    </rPh>
    <rPh sb="20" eb="22">
      <t>セイド</t>
    </rPh>
    <rPh sb="23" eb="25">
      <t>ウム</t>
    </rPh>
    <phoneticPr fontId="3"/>
  </si>
  <si>
    <t>両方ある</t>
    <rPh sb="0" eb="2">
      <t>リョウホウ</t>
    </rPh>
    <phoneticPr fontId="3"/>
  </si>
  <si>
    <t>育児のみ</t>
    <rPh sb="0" eb="2">
      <t>イクジ</t>
    </rPh>
    <phoneticPr fontId="3"/>
  </si>
  <si>
    <t>介護のみ</t>
    <rPh sb="0" eb="2">
      <t>カイゴ</t>
    </rPh>
    <phoneticPr fontId="3"/>
  </si>
  <si>
    <t>４６：パートタイム労働者の雇用制度見直し取組（MA）</t>
    <rPh sb="9" eb="12">
      <t>ロウドウシャ</t>
    </rPh>
    <phoneticPr fontId="3"/>
  </si>
  <si>
    <t>Ｄ．建設業</t>
    <phoneticPr fontId="3"/>
  </si>
  <si>
    <t>賃金賞与の方針を見直した</t>
    <rPh sb="0" eb="2">
      <t>チンギン</t>
    </rPh>
    <rPh sb="2" eb="4">
      <t>ショウヨ</t>
    </rPh>
    <rPh sb="5" eb="7">
      <t>ホウシン</t>
    </rPh>
    <rPh sb="8" eb="10">
      <t>ミナオ</t>
    </rPh>
    <phoneticPr fontId="3"/>
  </si>
  <si>
    <t>人事・評価基準を見直した</t>
    <rPh sb="0" eb="2">
      <t>ジンジ</t>
    </rPh>
    <rPh sb="3" eb="5">
      <t>ヒョウカ</t>
    </rPh>
    <rPh sb="5" eb="7">
      <t>キジュン</t>
    </rPh>
    <rPh sb="8" eb="10">
      <t>ミナオ</t>
    </rPh>
    <phoneticPr fontId="3"/>
  </si>
  <si>
    <t>正社員等の転換を行った</t>
    <rPh sb="0" eb="4">
      <t>セイシャイントウ</t>
    </rPh>
    <rPh sb="5" eb="7">
      <t>テンカン</t>
    </rPh>
    <rPh sb="8" eb="9">
      <t>オコナ</t>
    </rPh>
    <phoneticPr fontId="3"/>
  </si>
  <si>
    <t>今後検討したい</t>
    <rPh sb="0" eb="2">
      <t>コンゴ</t>
    </rPh>
    <rPh sb="2" eb="4">
      <t>ケントウ</t>
    </rPh>
    <phoneticPr fontId="3"/>
  </si>
  <si>
    <t>取組む予定はない</t>
    <rPh sb="0" eb="2">
      <t>トリク</t>
    </rPh>
    <rPh sb="3" eb="5">
      <t>ヨテイ</t>
    </rPh>
    <phoneticPr fontId="3"/>
  </si>
  <si>
    <t>４７：パートタイム労働者今後の雇用方針</t>
    <rPh sb="9" eb="12">
      <t>ロウドウシャ</t>
    </rPh>
    <rPh sb="12" eb="14">
      <t>コンゴ</t>
    </rPh>
    <rPh sb="15" eb="17">
      <t>コヨウ</t>
    </rPh>
    <rPh sb="17" eb="19">
      <t>ホウシン</t>
    </rPh>
    <phoneticPr fontId="3"/>
  </si>
  <si>
    <t>増やす</t>
    <rPh sb="0" eb="1">
      <t>フ</t>
    </rPh>
    <phoneticPr fontId="3"/>
  </si>
  <si>
    <t>維持</t>
    <rPh sb="0" eb="2">
      <t>イジ</t>
    </rPh>
    <phoneticPr fontId="3"/>
  </si>
  <si>
    <t>減らす</t>
    <rPh sb="0" eb="1">
      <t>ヘ</t>
    </rPh>
    <phoneticPr fontId="3"/>
  </si>
  <si>
    <t>決めていない</t>
    <rPh sb="0" eb="1">
      <t>キ</t>
    </rPh>
    <phoneticPr fontId="3"/>
  </si>
  <si>
    <t>４８：働き方改革課題（MA）</t>
    <phoneticPr fontId="3"/>
  </si>
  <si>
    <t>経営者の意識改革</t>
  </si>
  <si>
    <t>管理職の意識改革</t>
  </si>
  <si>
    <t>従業員の意識改革</t>
  </si>
  <si>
    <t>業務量に対する適正要員の確保</t>
  </si>
  <si>
    <t>課題の把握・明確化</t>
  </si>
  <si>
    <t>取組方法、ノウハウの不足</t>
  </si>
  <si>
    <t>制度導入等に係る経費負担</t>
    <phoneticPr fontId="3"/>
  </si>
  <si>
    <t>就業規則の変更手続き等</t>
  </si>
  <si>
    <t>取引先の理解</t>
  </si>
  <si>
    <t>９：１ヶ月の所定外労働時間</t>
    <rPh sb="4" eb="5">
      <t>ゲツ</t>
    </rPh>
    <phoneticPr fontId="3"/>
  </si>
  <si>
    <t>-</t>
    <phoneticPr fontId="3"/>
  </si>
  <si>
    <t>χ：サンプル数が少ないもの</t>
    <rPh sb="6" eb="7">
      <t>スウ</t>
    </rPh>
    <rPh sb="8" eb="9">
      <t>スク</t>
    </rPh>
    <phoneticPr fontId="3"/>
  </si>
  <si>
    <t>－：該当数値の無いもの</t>
    <rPh sb="2" eb="4">
      <t>ガイトウ</t>
    </rPh>
    <rPh sb="4" eb="6">
      <t>スウチ</t>
    </rPh>
    <rPh sb="7" eb="8">
      <t>ナ</t>
    </rPh>
    <phoneticPr fontId="3"/>
  </si>
  <si>
    <t>－</t>
  </si>
  <si>
    <t>χ</t>
  </si>
  <si>
    <t>χ</t>
    <phoneticPr fontId="3"/>
  </si>
  <si>
    <t>７：年次有給休暇の取得促進措置（MA）</t>
    <phoneticPr fontId="3"/>
  </si>
  <si>
    <t>２１：職場復帰支援措置の状況（MA）</t>
    <rPh sb="7" eb="9">
      <t>シエン</t>
    </rPh>
    <phoneticPr fontId="3"/>
  </si>
  <si>
    <t>問１</t>
    <rPh sb="0" eb="1">
      <t>トイ</t>
    </rPh>
    <phoneticPr fontId="3"/>
  </si>
  <si>
    <t>問２（１）</t>
    <rPh sb="0" eb="1">
      <t>トイ</t>
    </rPh>
    <phoneticPr fontId="3"/>
  </si>
  <si>
    <t>問２（２）</t>
    <rPh sb="0" eb="1">
      <t>トイ</t>
    </rPh>
    <phoneticPr fontId="3"/>
  </si>
  <si>
    <t>問２（３）</t>
    <rPh sb="0" eb="1">
      <t>トイ</t>
    </rPh>
    <phoneticPr fontId="3"/>
  </si>
  <si>
    <t>問２（４）</t>
    <rPh sb="0" eb="1">
      <t>トイ</t>
    </rPh>
    <phoneticPr fontId="3"/>
  </si>
  <si>
    <t>問３（2）</t>
    <rPh sb="0" eb="1">
      <t>トイ</t>
    </rPh>
    <phoneticPr fontId="3"/>
  </si>
  <si>
    <t>問３（3）</t>
    <rPh sb="0" eb="1">
      <t>トイ</t>
    </rPh>
    <phoneticPr fontId="3"/>
  </si>
  <si>
    <t>問４(1)</t>
    <rPh sb="0" eb="1">
      <t>トイ</t>
    </rPh>
    <phoneticPr fontId="3"/>
  </si>
  <si>
    <t>問５(4)②③⑤</t>
    <rPh sb="0" eb="1">
      <t>トイ</t>
    </rPh>
    <phoneticPr fontId="3"/>
  </si>
  <si>
    <t>問５(4)④</t>
  </si>
  <si>
    <t>問５(4)⑥</t>
    <rPh sb="0" eb="1">
      <t>トイ</t>
    </rPh>
    <phoneticPr fontId="3"/>
  </si>
  <si>
    <t>問10(1)</t>
    <rPh sb="0" eb="1">
      <t>トイ</t>
    </rPh>
    <phoneticPr fontId="3"/>
  </si>
  <si>
    <t>問10(2)</t>
    <rPh sb="0" eb="1">
      <t>トイ</t>
    </rPh>
    <phoneticPr fontId="3"/>
  </si>
  <si>
    <t>問11(1)</t>
    <rPh sb="0" eb="1">
      <t>トイ</t>
    </rPh>
    <phoneticPr fontId="3"/>
  </si>
  <si>
    <t>問11(2)</t>
    <rPh sb="0" eb="1">
      <t>トイ</t>
    </rPh>
    <phoneticPr fontId="3"/>
  </si>
  <si>
    <t>問11(3)</t>
    <rPh sb="0" eb="1">
      <t>トイ</t>
    </rPh>
    <phoneticPr fontId="3"/>
  </si>
  <si>
    <t>問11(4)</t>
    <rPh sb="0" eb="1">
      <t>トイ</t>
    </rPh>
    <phoneticPr fontId="3"/>
  </si>
  <si>
    <t>問10(5)</t>
    <rPh sb="0" eb="1">
      <t>トイ</t>
    </rPh>
    <phoneticPr fontId="3"/>
  </si>
  <si>
    <t>問３（1）</t>
    <rPh sb="0" eb="1">
      <t>トイ</t>
    </rPh>
    <phoneticPr fontId="3"/>
  </si>
  <si>
    <t>問４（2）</t>
    <rPh sb="0" eb="1">
      <t>トイ</t>
    </rPh>
    <phoneticPr fontId="3"/>
  </si>
  <si>
    <t>問４（3）</t>
    <rPh sb="0" eb="1">
      <t>トイ</t>
    </rPh>
    <phoneticPr fontId="3"/>
  </si>
  <si>
    <t>問５(2)</t>
    <rPh sb="0" eb="1">
      <t>トイ</t>
    </rPh>
    <phoneticPr fontId="3"/>
  </si>
  <si>
    <t>問５（1）</t>
    <rPh sb="0" eb="1">
      <t>トイ</t>
    </rPh>
    <phoneticPr fontId="3"/>
  </si>
  <si>
    <t>問５(3)</t>
    <rPh sb="0" eb="1">
      <t>トイ</t>
    </rPh>
    <phoneticPr fontId="3"/>
  </si>
  <si>
    <t>問５(4)①</t>
    <rPh sb="0" eb="1">
      <t>トイ</t>
    </rPh>
    <phoneticPr fontId="3"/>
  </si>
  <si>
    <t>問５(5)②③④</t>
    <phoneticPr fontId="3"/>
  </si>
  <si>
    <t>問５(6)①②③</t>
    <rPh sb="0" eb="1">
      <t>トイ</t>
    </rPh>
    <phoneticPr fontId="3"/>
  </si>
  <si>
    <t>問５(6)②</t>
    <rPh sb="0" eb="1">
      <t>トイ</t>
    </rPh>
    <phoneticPr fontId="3"/>
  </si>
  <si>
    <t>問５(7)</t>
    <rPh sb="0" eb="1">
      <t>トイ</t>
    </rPh>
    <phoneticPr fontId="3"/>
  </si>
  <si>
    <t>問５(8)</t>
    <rPh sb="0" eb="1">
      <t>トイ</t>
    </rPh>
    <phoneticPr fontId="3"/>
  </si>
  <si>
    <t>問６(1)</t>
    <rPh sb="0" eb="1">
      <t>トイ</t>
    </rPh>
    <phoneticPr fontId="3"/>
  </si>
  <si>
    <t>問６(2)①</t>
    <rPh sb="0" eb="1">
      <t>トイ</t>
    </rPh>
    <phoneticPr fontId="3"/>
  </si>
  <si>
    <t>問６(2)②</t>
    <rPh sb="0" eb="1">
      <t>トイ</t>
    </rPh>
    <phoneticPr fontId="3"/>
  </si>
  <si>
    <t>問６(3)(4)</t>
    <rPh sb="0" eb="1">
      <t>トイ</t>
    </rPh>
    <phoneticPr fontId="3"/>
  </si>
  <si>
    <t>問６(5)</t>
    <rPh sb="0" eb="1">
      <t>トイ</t>
    </rPh>
    <phoneticPr fontId="3"/>
  </si>
  <si>
    <t>問６(6)</t>
    <rPh sb="0" eb="1">
      <t>トイ</t>
    </rPh>
    <phoneticPr fontId="3"/>
  </si>
  <si>
    <t>問７</t>
    <rPh sb="0" eb="1">
      <t>トイ</t>
    </rPh>
    <phoneticPr fontId="3"/>
  </si>
  <si>
    <t>問８</t>
    <rPh sb="0" eb="1">
      <t>トイ</t>
    </rPh>
    <phoneticPr fontId="3"/>
  </si>
  <si>
    <t>問９</t>
    <rPh sb="0" eb="1">
      <t>トイ</t>
    </rPh>
    <phoneticPr fontId="3"/>
  </si>
  <si>
    <t>１９：育児休業取得者の状況</t>
    <rPh sb="7" eb="9">
      <t>シュトク</t>
    </rPh>
    <rPh sb="9" eb="10">
      <t>シャ</t>
    </rPh>
    <phoneticPr fontId="3"/>
  </si>
  <si>
    <t>２６：子の養育のためのその他の支援制度の内容（MA）</t>
    <phoneticPr fontId="3"/>
  </si>
  <si>
    <t>問５(4)②③</t>
    <rPh sb="0" eb="1">
      <t>トイ</t>
    </rPh>
    <phoneticPr fontId="3"/>
  </si>
  <si>
    <t>問５(5)①②③</t>
    <rPh sb="0" eb="1">
      <t>トイ</t>
    </rPh>
    <phoneticPr fontId="3"/>
  </si>
  <si>
    <t>３歳未満の子の養育支援の制度がある</t>
    <rPh sb="1" eb="2">
      <t>サイ</t>
    </rPh>
    <rPh sb="2" eb="4">
      <t>ミマン</t>
    </rPh>
    <rPh sb="5" eb="6">
      <t>コ</t>
    </rPh>
    <rPh sb="7" eb="9">
      <t>ヨウイク</t>
    </rPh>
    <rPh sb="9" eb="11">
      <t>シエン</t>
    </rPh>
    <rPh sb="12" eb="14">
      <t>セイド</t>
    </rPh>
    <phoneticPr fontId="3"/>
  </si>
  <si>
    <t>３歳未満の子の養育支援の制度がない</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
    <numFmt numFmtId="177" formatCode="#,##0.0;[Red]\-#,##0.0"/>
  </numFmts>
  <fonts count="8" x14ac:knownFonts="1">
    <font>
      <sz val="11"/>
      <name val="ＭＳ Ｐゴシック"/>
      <family val="3"/>
      <charset val="128"/>
    </font>
    <font>
      <sz val="11"/>
      <name val="ＭＳ Ｐゴシック"/>
      <family val="3"/>
      <charset val="128"/>
    </font>
    <font>
      <sz val="11"/>
      <name val="ＭＳ ゴシック"/>
      <family val="3"/>
      <charset val="128"/>
    </font>
    <font>
      <sz val="6"/>
      <name val="ＭＳ Ｐゴシック"/>
      <family val="3"/>
      <charset val="128"/>
    </font>
    <font>
      <sz val="9"/>
      <name val="ＭＳ ゴシック"/>
      <family val="3"/>
      <charset val="128"/>
    </font>
    <font>
      <sz val="10"/>
      <name val="ＭＳ ゴシック"/>
      <family val="3"/>
      <charset val="128"/>
    </font>
    <font>
      <sz val="11"/>
      <color theme="0"/>
      <name val="ＭＳ ゴシック"/>
      <family val="3"/>
      <charset val="128"/>
    </font>
    <font>
      <sz val="11"/>
      <color theme="1"/>
      <name val="ＭＳ ゴシック"/>
      <family val="3"/>
      <charset val="128"/>
    </font>
  </fonts>
  <fills count="2">
    <fill>
      <patternFill patternType="none"/>
    </fill>
    <fill>
      <patternFill patternType="gray125"/>
    </fill>
  </fills>
  <borders count="79">
    <border>
      <left/>
      <right/>
      <top/>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style="medium">
        <color indexed="64"/>
      </right>
      <top style="medium">
        <color indexed="64"/>
      </top>
      <bottom style="thin">
        <color indexed="64"/>
      </bottom>
      <diagonal/>
    </border>
    <border>
      <left/>
      <right style="medium">
        <color indexed="64"/>
      </right>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style="thin">
        <color indexed="64"/>
      </right>
      <top style="thin">
        <color indexed="64"/>
      </top>
      <bottom/>
      <diagonal/>
    </border>
    <border>
      <left/>
      <right style="thin">
        <color indexed="64"/>
      </right>
      <top/>
      <bottom style="thin">
        <color indexed="64"/>
      </bottom>
      <diagonal/>
    </border>
    <border>
      <left style="medium">
        <color indexed="64"/>
      </left>
      <right style="thin">
        <color indexed="64"/>
      </right>
      <top/>
      <bottom/>
      <diagonal/>
    </border>
    <border>
      <left/>
      <right style="thin">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style="medium">
        <color indexed="64"/>
      </right>
      <top style="thin">
        <color indexed="64"/>
      </top>
      <bottom/>
      <diagonal/>
    </border>
    <border>
      <left/>
      <right style="thin">
        <color indexed="64"/>
      </right>
      <top style="thin">
        <color indexed="64"/>
      </top>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medium">
        <color indexed="64"/>
      </right>
      <top/>
      <bottom/>
      <diagonal/>
    </border>
    <border>
      <left/>
      <right style="thin">
        <color indexed="64"/>
      </right>
      <top/>
      <bottom/>
      <diagonal/>
    </border>
    <border>
      <left/>
      <right style="medium">
        <color indexed="64"/>
      </right>
      <top style="medium">
        <color indexed="64"/>
      </top>
      <bottom style="medium">
        <color indexed="64"/>
      </bottom>
      <diagonal/>
    </border>
    <border>
      <left style="medium">
        <color indexed="64"/>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s>
  <cellStyleXfs count="2">
    <xf numFmtId="0" fontId="0" fillId="0" borderId="0"/>
    <xf numFmtId="38" fontId="1" fillId="0" borderId="0" applyFont="0" applyFill="0" applyBorder="0" applyAlignment="0" applyProtection="0">
      <alignment vertical="center"/>
    </xf>
  </cellStyleXfs>
  <cellXfs count="314">
    <xf numFmtId="0" fontId="0" fillId="0" borderId="0" xfId="0"/>
    <xf numFmtId="0" fontId="2" fillId="0" borderId="0" xfId="0" applyFont="1" applyAlignment="1">
      <alignment vertical="center"/>
    </xf>
    <xf numFmtId="0" fontId="2" fillId="0" borderId="0" xfId="0" applyFont="1" applyBorder="1" applyAlignment="1">
      <alignment vertical="center"/>
    </xf>
    <xf numFmtId="0" fontId="2" fillId="0" borderId="0" xfId="0" applyFont="1" applyAlignment="1">
      <alignment horizontal="right" vertical="center"/>
    </xf>
    <xf numFmtId="0" fontId="2" fillId="0" borderId="1" xfId="0" applyFont="1" applyBorder="1" applyAlignment="1">
      <alignment vertical="center"/>
    </xf>
    <xf numFmtId="0" fontId="2" fillId="0" borderId="2" xfId="0" applyFont="1" applyBorder="1" applyAlignment="1">
      <alignment horizontal="right" vertical="center"/>
    </xf>
    <xf numFmtId="0" fontId="2" fillId="0" borderId="4" xfId="0" applyFont="1" applyBorder="1" applyAlignment="1">
      <alignment vertical="center"/>
    </xf>
    <xf numFmtId="0" fontId="2" fillId="0" borderId="5" xfId="0" applyFont="1" applyBorder="1" applyAlignment="1">
      <alignment vertical="center"/>
    </xf>
    <xf numFmtId="0" fontId="2" fillId="0" borderId="6" xfId="0" applyFont="1" applyBorder="1" applyAlignment="1">
      <alignment vertical="center"/>
    </xf>
    <xf numFmtId="0" fontId="2" fillId="0" borderId="7" xfId="0" applyFont="1" applyBorder="1" applyAlignment="1">
      <alignment vertical="center"/>
    </xf>
    <xf numFmtId="0" fontId="2" fillId="0" borderId="6" xfId="0" applyFont="1" applyBorder="1" applyAlignment="1">
      <alignment horizontal="center" vertical="center"/>
    </xf>
    <xf numFmtId="0" fontId="2" fillId="0" borderId="8"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vertical="center"/>
    </xf>
    <xf numFmtId="176" fontId="2" fillId="0" borderId="12" xfId="0" applyNumberFormat="1" applyFont="1" applyBorder="1" applyAlignment="1">
      <alignment vertical="center"/>
    </xf>
    <xf numFmtId="176" fontId="2" fillId="0" borderId="14" xfId="0" applyNumberFormat="1" applyFont="1" applyBorder="1" applyAlignment="1">
      <alignment vertical="center"/>
    </xf>
    <xf numFmtId="0" fontId="2" fillId="0" borderId="15" xfId="0" applyFont="1" applyBorder="1" applyAlignment="1">
      <alignment vertical="center"/>
    </xf>
    <xf numFmtId="0" fontId="2" fillId="0" borderId="16" xfId="0" applyFont="1" applyBorder="1" applyAlignment="1">
      <alignment vertical="center"/>
    </xf>
    <xf numFmtId="176" fontId="2" fillId="0" borderId="17" xfId="0" applyNumberFormat="1" applyFont="1" applyBorder="1" applyAlignment="1">
      <alignment vertical="center"/>
    </xf>
    <xf numFmtId="0" fontId="2" fillId="0" borderId="19" xfId="0" applyFont="1" applyBorder="1" applyAlignment="1">
      <alignment vertical="center"/>
    </xf>
    <xf numFmtId="176" fontId="2" fillId="0" borderId="20" xfId="0" applyNumberFormat="1" applyFont="1" applyBorder="1" applyAlignment="1">
      <alignment vertical="center"/>
    </xf>
    <xf numFmtId="0" fontId="2" fillId="0" borderId="21" xfId="0" applyFont="1" applyBorder="1" applyAlignment="1">
      <alignment vertical="center"/>
    </xf>
    <xf numFmtId="0" fontId="2" fillId="0" borderId="22" xfId="0" applyFont="1" applyBorder="1" applyAlignment="1">
      <alignment vertical="center"/>
    </xf>
    <xf numFmtId="0" fontId="2" fillId="0" borderId="23" xfId="0" applyFont="1" applyBorder="1" applyAlignment="1">
      <alignment vertical="center"/>
    </xf>
    <xf numFmtId="0" fontId="2" fillId="0" borderId="24" xfId="0" applyFont="1" applyBorder="1" applyAlignment="1">
      <alignment vertical="center"/>
    </xf>
    <xf numFmtId="176" fontId="2" fillId="0" borderId="25" xfId="0" applyNumberFormat="1" applyFont="1" applyBorder="1" applyAlignment="1">
      <alignment vertical="center"/>
    </xf>
    <xf numFmtId="176" fontId="2" fillId="0" borderId="27" xfId="0" applyNumberFormat="1" applyFont="1" applyBorder="1" applyAlignment="1">
      <alignment vertical="center"/>
    </xf>
    <xf numFmtId="176" fontId="2" fillId="0" borderId="28" xfId="0" applyNumberFormat="1" applyFont="1" applyBorder="1" applyAlignment="1">
      <alignment vertical="center"/>
    </xf>
    <xf numFmtId="0" fontId="2" fillId="0" borderId="29" xfId="0" applyFont="1" applyBorder="1" applyAlignment="1">
      <alignment vertical="center"/>
    </xf>
    <xf numFmtId="176" fontId="2" fillId="0" borderId="8" xfId="0" applyNumberFormat="1" applyFont="1" applyBorder="1" applyAlignment="1">
      <alignment vertical="center"/>
    </xf>
    <xf numFmtId="176" fontId="2" fillId="0" borderId="10" xfId="0" applyNumberFormat="1" applyFont="1" applyBorder="1" applyAlignment="1">
      <alignment vertical="center"/>
    </xf>
    <xf numFmtId="176" fontId="2" fillId="0" borderId="0" xfId="0" applyNumberFormat="1" applyFont="1" applyAlignment="1">
      <alignment vertical="center"/>
    </xf>
    <xf numFmtId="0" fontId="2" fillId="0" borderId="5" xfId="0" applyFont="1" applyBorder="1" applyAlignment="1">
      <alignment horizontal="right" vertical="center"/>
    </xf>
    <xf numFmtId="0" fontId="2" fillId="0" borderId="2" xfId="0" applyFont="1" applyBorder="1" applyAlignment="1">
      <alignment vertical="center"/>
    </xf>
    <xf numFmtId="176" fontId="2" fillId="0" borderId="2" xfId="0" applyNumberFormat="1" applyFont="1" applyBorder="1" applyAlignment="1">
      <alignment vertical="center"/>
    </xf>
    <xf numFmtId="0" fontId="2" fillId="0" borderId="27" xfId="0" applyFont="1" applyBorder="1" applyAlignment="1">
      <alignment vertical="center"/>
    </xf>
    <xf numFmtId="0" fontId="2" fillId="0" borderId="28" xfId="0" applyFont="1" applyBorder="1" applyAlignment="1">
      <alignment vertical="center"/>
    </xf>
    <xf numFmtId="0" fontId="2" fillId="0" borderId="30" xfId="0" applyFont="1" applyBorder="1" applyAlignment="1">
      <alignment vertical="center"/>
    </xf>
    <xf numFmtId="0" fontId="2" fillId="0" borderId="31" xfId="0" applyFont="1" applyBorder="1" applyAlignment="1">
      <alignment vertical="center"/>
    </xf>
    <xf numFmtId="0" fontId="2" fillId="0" borderId="33" xfId="0" applyFont="1" applyBorder="1" applyAlignment="1">
      <alignment vertical="center"/>
    </xf>
    <xf numFmtId="0" fontId="2" fillId="0" borderId="34" xfId="0" applyFont="1" applyBorder="1" applyAlignment="1">
      <alignment vertical="center"/>
    </xf>
    <xf numFmtId="38" fontId="2" fillId="0" borderId="17" xfId="1" applyFont="1" applyBorder="1" applyAlignment="1">
      <alignment vertical="center"/>
    </xf>
    <xf numFmtId="38" fontId="2" fillId="0" borderId="25" xfId="1" applyFont="1" applyBorder="1" applyAlignment="1">
      <alignment vertical="center"/>
    </xf>
    <xf numFmtId="0" fontId="4" fillId="0" borderId="34" xfId="0" applyFont="1" applyBorder="1" applyAlignment="1">
      <alignment vertical="center"/>
    </xf>
    <xf numFmtId="0" fontId="2" fillId="0" borderId="34" xfId="0" applyFont="1" applyBorder="1" applyAlignment="1">
      <alignment vertical="center" shrinkToFit="1"/>
    </xf>
    <xf numFmtId="0" fontId="4" fillId="0" borderId="24" xfId="0" applyFont="1" applyBorder="1" applyAlignment="1">
      <alignment vertical="center" wrapText="1"/>
    </xf>
    <xf numFmtId="0" fontId="2" fillId="0" borderId="35" xfId="0" applyFont="1" applyBorder="1" applyAlignment="1">
      <alignment vertical="center"/>
    </xf>
    <xf numFmtId="0" fontId="2" fillId="0" borderId="36" xfId="0" applyFont="1" applyBorder="1" applyAlignment="1">
      <alignment vertical="center"/>
    </xf>
    <xf numFmtId="0" fontId="2" fillId="0" borderId="37" xfId="0" applyFont="1" applyBorder="1" applyAlignment="1">
      <alignment vertical="center"/>
    </xf>
    <xf numFmtId="0" fontId="2" fillId="0" borderId="0" xfId="0" applyFont="1" applyBorder="1" applyAlignment="1">
      <alignment horizontal="center" vertical="center"/>
    </xf>
    <xf numFmtId="0" fontId="2" fillId="0" borderId="11" xfId="0" applyFont="1" applyBorder="1" applyAlignment="1">
      <alignment horizontal="center" vertical="center"/>
    </xf>
    <xf numFmtId="0" fontId="2" fillId="0" borderId="13" xfId="0" applyFont="1" applyBorder="1" applyAlignment="1">
      <alignment horizontal="center" vertical="center" wrapText="1"/>
    </xf>
    <xf numFmtId="0" fontId="2" fillId="0" borderId="28" xfId="0" applyFont="1" applyBorder="1" applyAlignment="1">
      <alignment horizontal="center" vertical="center"/>
    </xf>
    <xf numFmtId="0" fontId="2" fillId="0" borderId="0" xfId="0" applyFont="1" applyBorder="1" applyAlignment="1">
      <alignment horizontal="left" vertical="center" wrapText="1" shrinkToFit="1"/>
    </xf>
    <xf numFmtId="0" fontId="5" fillId="0" borderId="8" xfId="0" applyFont="1" applyBorder="1" applyAlignment="1">
      <alignment horizontal="center" vertical="center" wrapText="1"/>
    </xf>
    <xf numFmtId="0" fontId="2" fillId="0" borderId="8" xfId="0" applyFont="1" applyBorder="1" applyAlignment="1">
      <alignment horizontal="center" vertical="center" wrapText="1"/>
    </xf>
    <xf numFmtId="0" fontId="2" fillId="0" borderId="8" xfId="0" applyFont="1" applyBorder="1" applyAlignment="1">
      <alignment horizontal="left" vertical="center" wrapText="1"/>
    </xf>
    <xf numFmtId="0" fontId="5" fillId="0" borderId="8" xfId="0" applyFont="1" applyBorder="1" applyAlignment="1">
      <alignment horizontal="center" vertical="center" wrapText="1" shrinkToFit="1"/>
    </xf>
    <xf numFmtId="0" fontId="2" fillId="0" borderId="0" xfId="0" applyFont="1" applyBorder="1" applyAlignment="1">
      <alignment horizontal="center" vertical="center" wrapText="1"/>
    </xf>
    <xf numFmtId="0" fontId="4" fillId="0" borderId="10" xfId="0" applyFont="1" applyBorder="1" applyAlignment="1">
      <alignment horizontal="center" vertical="center" wrapText="1"/>
    </xf>
    <xf numFmtId="176" fontId="2" fillId="0" borderId="30" xfId="0" applyNumberFormat="1" applyFont="1" applyBorder="1" applyAlignment="1">
      <alignment vertical="center"/>
    </xf>
    <xf numFmtId="176" fontId="2" fillId="0" borderId="38" xfId="0" applyNumberFormat="1" applyFont="1" applyBorder="1" applyAlignment="1">
      <alignment vertical="center"/>
    </xf>
    <xf numFmtId="176" fontId="2" fillId="0" borderId="39" xfId="0" applyNumberFormat="1" applyFont="1" applyBorder="1" applyAlignment="1">
      <alignment vertical="center"/>
    </xf>
    <xf numFmtId="176" fontId="2" fillId="0" borderId="32" xfId="0" applyNumberFormat="1" applyFont="1" applyBorder="1" applyAlignment="1">
      <alignment vertical="center"/>
    </xf>
    <xf numFmtId="176" fontId="2" fillId="0" borderId="35" xfId="0" applyNumberFormat="1" applyFont="1" applyBorder="1" applyAlignment="1">
      <alignment vertical="center"/>
    </xf>
    <xf numFmtId="176" fontId="2" fillId="0" borderId="40" xfId="0" applyNumberFormat="1" applyFont="1" applyBorder="1" applyAlignment="1">
      <alignment vertical="center"/>
    </xf>
    <xf numFmtId="176" fontId="2" fillId="0" borderId="41" xfId="0" applyNumberFormat="1" applyFont="1" applyBorder="1" applyAlignment="1">
      <alignment vertical="center"/>
    </xf>
    <xf numFmtId="0" fontId="2" fillId="0" borderId="42" xfId="0" applyFont="1" applyBorder="1" applyAlignment="1">
      <alignment vertical="center"/>
    </xf>
    <xf numFmtId="0" fontId="2" fillId="0" borderId="43" xfId="0" applyFont="1" applyBorder="1" applyAlignment="1">
      <alignment horizontal="center" vertical="center"/>
    </xf>
    <xf numFmtId="176" fontId="2" fillId="0" borderId="44" xfId="0" applyNumberFormat="1" applyFont="1" applyBorder="1" applyAlignment="1">
      <alignment vertical="center"/>
    </xf>
    <xf numFmtId="176" fontId="2" fillId="0" borderId="45" xfId="0" applyNumberFormat="1" applyFont="1" applyBorder="1" applyAlignment="1">
      <alignment vertical="center"/>
    </xf>
    <xf numFmtId="176" fontId="2" fillId="0" borderId="46" xfId="0" applyNumberFormat="1" applyFont="1" applyBorder="1" applyAlignment="1">
      <alignment vertical="center"/>
    </xf>
    <xf numFmtId="176" fontId="2" fillId="0" borderId="47" xfId="0" applyNumberFormat="1" applyFont="1" applyBorder="1" applyAlignment="1">
      <alignment vertical="center"/>
    </xf>
    <xf numFmtId="176" fontId="2" fillId="0" borderId="48" xfId="0" applyNumberFormat="1" applyFont="1" applyBorder="1" applyAlignment="1">
      <alignment vertical="center"/>
    </xf>
    <xf numFmtId="176" fontId="2" fillId="0" borderId="50" xfId="0" applyNumberFormat="1" applyFont="1" applyBorder="1" applyAlignment="1">
      <alignment vertical="center"/>
    </xf>
    <xf numFmtId="176" fontId="2" fillId="0" borderId="52" xfId="0" applyNumberFormat="1" applyFont="1" applyBorder="1" applyAlignment="1">
      <alignment vertical="center"/>
    </xf>
    <xf numFmtId="176" fontId="2" fillId="0" borderId="53" xfId="0" applyNumberFormat="1" applyFont="1" applyBorder="1" applyAlignment="1">
      <alignment vertical="center"/>
    </xf>
    <xf numFmtId="176" fontId="2" fillId="0" borderId="54" xfId="0" applyNumberFormat="1" applyFont="1" applyBorder="1" applyAlignment="1">
      <alignment vertical="center"/>
    </xf>
    <xf numFmtId="0" fontId="2" fillId="0" borderId="27" xfId="0" applyFont="1" applyBorder="1" applyAlignment="1">
      <alignment horizontal="center" vertical="center"/>
    </xf>
    <xf numFmtId="0" fontId="2" fillId="0" borderId="55" xfId="0" applyFont="1" applyBorder="1" applyAlignment="1">
      <alignment vertical="center"/>
    </xf>
    <xf numFmtId="0" fontId="2" fillId="0" borderId="56" xfId="0" applyFont="1" applyBorder="1" applyAlignment="1">
      <alignment vertical="center"/>
    </xf>
    <xf numFmtId="176" fontId="2" fillId="0" borderId="57" xfId="0" applyNumberFormat="1" applyFont="1" applyBorder="1" applyAlignment="1">
      <alignment vertical="center"/>
    </xf>
    <xf numFmtId="176" fontId="2" fillId="0" borderId="58" xfId="0" applyNumberFormat="1" applyFont="1" applyBorder="1" applyAlignment="1">
      <alignment vertical="center"/>
    </xf>
    <xf numFmtId="176" fontId="2" fillId="0" borderId="59" xfId="0" applyNumberFormat="1" applyFont="1" applyBorder="1" applyAlignment="1">
      <alignment vertical="center"/>
    </xf>
    <xf numFmtId="176" fontId="2" fillId="0" borderId="60" xfId="0" applyNumberFormat="1" applyFont="1" applyBorder="1" applyAlignment="1">
      <alignment vertical="center"/>
    </xf>
    <xf numFmtId="176" fontId="2" fillId="0" borderId="61" xfId="0" applyNumberFormat="1" applyFont="1" applyBorder="1" applyAlignment="1">
      <alignment vertical="center"/>
    </xf>
    <xf numFmtId="0" fontId="2" fillId="0" borderId="0" xfId="0" applyFont="1" applyBorder="1" applyAlignment="1">
      <alignment horizontal="right" vertical="center"/>
    </xf>
    <xf numFmtId="0" fontId="2" fillId="0" borderId="48" xfId="0" applyFont="1" applyBorder="1" applyAlignment="1">
      <alignment vertical="center"/>
    </xf>
    <xf numFmtId="176" fontId="2" fillId="0" borderId="62" xfId="0" applyNumberFormat="1" applyFont="1" applyBorder="1" applyAlignment="1">
      <alignment vertical="center"/>
    </xf>
    <xf numFmtId="176" fontId="2" fillId="0" borderId="49" xfId="0" applyNumberFormat="1" applyFont="1" applyBorder="1" applyAlignment="1">
      <alignment vertical="center"/>
    </xf>
    <xf numFmtId="176" fontId="2" fillId="0" borderId="63" xfId="0" applyNumberFormat="1" applyFont="1" applyBorder="1" applyAlignment="1">
      <alignment vertical="center"/>
    </xf>
    <xf numFmtId="176" fontId="2" fillId="0" borderId="23" xfId="0" applyNumberFormat="1" applyFont="1" applyBorder="1" applyAlignment="1">
      <alignment vertical="center"/>
    </xf>
    <xf numFmtId="0" fontId="2" fillId="0" borderId="40" xfId="0" applyFont="1" applyBorder="1" applyAlignment="1">
      <alignment vertical="center"/>
    </xf>
    <xf numFmtId="0" fontId="2" fillId="0" borderId="51" xfId="0" applyFont="1" applyBorder="1" applyAlignment="1">
      <alignment vertical="center"/>
    </xf>
    <xf numFmtId="0" fontId="2" fillId="0" borderId="48" xfId="0" applyFont="1" applyBorder="1" applyAlignment="1">
      <alignment vertical="center" shrinkToFit="1"/>
    </xf>
    <xf numFmtId="0" fontId="2" fillId="0" borderId="64" xfId="0" applyFont="1" applyBorder="1" applyAlignment="1">
      <alignment horizontal="center" vertical="center"/>
    </xf>
    <xf numFmtId="0" fontId="2" fillId="0" borderId="9" xfId="0" applyFont="1" applyBorder="1" applyAlignment="1">
      <alignment horizontal="center" vertical="center" wrapText="1"/>
    </xf>
    <xf numFmtId="0" fontId="6" fillId="0" borderId="2" xfId="0" applyFont="1" applyBorder="1" applyAlignment="1">
      <alignment horizontal="right" vertical="center"/>
    </xf>
    <xf numFmtId="176" fontId="2" fillId="0" borderId="1" xfId="0" applyNumberFormat="1" applyFont="1" applyBorder="1" applyAlignment="1">
      <alignment vertical="center"/>
    </xf>
    <xf numFmtId="176" fontId="2" fillId="0" borderId="65" xfId="0" applyNumberFormat="1" applyFont="1" applyBorder="1" applyAlignment="1">
      <alignment vertical="center"/>
    </xf>
    <xf numFmtId="176" fontId="2" fillId="0" borderId="66" xfId="0" applyNumberFormat="1" applyFont="1" applyBorder="1" applyAlignment="1">
      <alignment vertical="center"/>
    </xf>
    <xf numFmtId="176" fontId="2" fillId="0" borderId="67" xfId="0" applyNumberFormat="1" applyFont="1" applyBorder="1" applyAlignment="1">
      <alignment vertical="center"/>
    </xf>
    <xf numFmtId="176" fontId="2" fillId="0" borderId="4" xfId="0" applyNumberFormat="1" applyFont="1" applyBorder="1" applyAlignment="1">
      <alignment vertical="center"/>
    </xf>
    <xf numFmtId="176" fontId="2" fillId="0" borderId="33" xfId="0" applyNumberFormat="1" applyFont="1" applyBorder="1" applyAlignment="1">
      <alignment vertical="center"/>
    </xf>
    <xf numFmtId="176" fontId="2" fillId="0" borderId="6" xfId="0" applyNumberFormat="1" applyFont="1" applyBorder="1" applyAlignment="1">
      <alignment vertical="center"/>
    </xf>
    <xf numFmtId="176" fontId="2" fillId="0" borderId="68" xfId="0" applyNumberFormat="1" applyFont="1" applyBorder="1" applyAlignment="1">
      <alignment vertical="center"/>
    </xf>
    <xf numFmtId="176" fontId="2" fillId="0" borderId="69" xfId="0" applyNumberFormat="1" applyFont="1" applyBorder="1" applyAlignment="1">
      <alignment vertical="center"/>
    </xf>
    <xf numFmtId="176" fontId="2" fillId="0" borderId="70" xfId="0" applyNumberFormat="1" applyFont="1" applyBorder="1" applyAlignment="1">
      <alignment vertical="center"/>
    </xf>
    <xf numFmtId="176" fontId="2" fillId="0" borderId="9" xfId="0" applyNumberFormat="1" applyFont="1" applyBorder="1" applyAlignment="1">
      <alignment vertical="center"/>
    </xf>
    <xf numFmtId="0" fontId="2" fillId="0" borderId="14" xfId="0" applyFont="1" applyBorder="1" applyAlignment="1">
      <alignment vertical="center" shrinkToFit="1"/>
    </xf>
    <xf numFmtId="0" fontId="2" fillId="0" borderId="25" xfId="0" applyFont="1" applyBorder="1" applyAlignment="1">
      <alignment vertical="center" shrinkToFit="1"/>
    </xf>
    <xf numFmtId="0" fontId="2" fillId="0" borderId="10" xfId="0" applyFont="1" applyBorder="1" applyAlignment="1">
      <alignment vertical="center" shrinkToFit="1"/>
    </xf>
    <xf numFmtId="177" fontId="2" fillId="0" borderId="30" xfId="0" applyNumberFormat="1" applyFont="1" applyBorder="1" applyAlignment="1">
      <alignment vertical="center"/>
    </xf>
    <xf numFmtId="177" fontId="2" fillId="0" borderId="33" xfId="0" applyNumberFormat="1" applyFont="1" applyBorder="1" applyAlignment="1">
      <alignment vertical="center"/>
    </xf>
    <xf numFmtId="177" fontId="2" fillId="0" borderId="35" xfId="0" applyNumberFormat="1" applyFont="1" applyBorder="1" applyAlignment="1">
      <alignment vertical="center"/>
    </xf>
    <xf numFmtId="0" fontId="2" fillId="0" borderId="45" xfId="0" applyFont="1" applyBorder="1" applyAlignment="1">
      <alignment vertical="center"/>
    </xf>
    <xf numFmtId="0" fontId="2" fillId="0" borderId="38" xfId="0" applyFont="1" applyBorder="1" applyAlignment="1">
      <alignment vertical="center"/>
    </xf>
    <xf numFmtId="0" fontId="2" fillId="0" borderId="49" xfId="0" applyFont="1" applyBorder="1" applyAlignment="1">
      <alignment vertical="center"/>
    </xf>
    <xf numFmtId="0" fontId="2" fillId="0" borderId="71" xfId="0" applyFont="1" applyBorder="1" applyAlignment="1">
      <alignment vertical="center"/>
    </xf>
    <xf numFmtId="0" fontId="2" fillId="0" borderId="47" xfId="0" applyFont="1" applyBorder="1" applyAlignment="1">
      <alignment vertical="center"/>
    </xf>
    <xf numFmtId="0" fontId="2" fillId="0" borderId="54" xfId="0" applyFont="1" applyBorder="1" applyAlignment="1">
      <alignment vertical="center"/>
    </xf>
    <xf numFmtId="38" fontId="2" fillId="0" borderId="46" xfId="0" applyNumberFormat="1" applyFont="1" applyBorder="1" applyAlignment="1">
      <alignment vertical="center"/>
    </xf>
    <xf numFmtId="38" fontId="2" fillId="0" borderId="47" xfId="0" applyNumberFormat="1" applyFont="1" applyBorder="1" applyAlignment="1">
      <alignment vertical="center"/>
    </xf>
    <xf numFmtId="38" fontId="2" fillId="0" borderId="17" xfId="0" applyNumberFormat="1" applyFont="1" applyBorder="1" applyAlignment="1">
      <alignment vertical="center"/>
    </xf>
    <xf numFmtId="38" fontId="2" fillId="0" borderId="25" xfId="0" applyNumberFormat="1" applyFont="1" applyBorder="1" applyAlignment="1">
      <alignment vertical="center"/>
    </xf>
    <xf numFmtId="1" fontId="2" fillId="0" borderId="47" xfId="0" applyNumberFormat="1" applyFont="1" applyBorder="1" applyAlignment="1">
      <alignment vertical="center"/>
    </xf>
    <xf numFmtId="38" fontId="2" fillId="0" borderId="48" xfId="0" applyNumberFormat="1" applyFont="1" applyBorder="1" applyAlignment="1">
      <alignment vertical="center"/>
    </xf>
    <xf numFmtId="0" fontId="2" fillId="0" borderId="65" xfId="0" applyFont="1" applyBorder="1" applyAlignment="1">
      <alignment vertical="center"/>
    </xf>
    <xf numFmtId="0" fontId="4" fillId="0" borderId="21" xfId="0" applyFont="1" applyBorder="1" applyAlignment="1">
      <alignment vertical="center"/>
    </xf>
    <xf numFmtId="38" fontId="2" fillId="0" borderId="47" xfId="1" applyFont="1" applyBorder="1" applyAlignment="1">
      <alignment vertical="center"/>
    </xf>
    <xf numFmtId="38" fontId="2" fillId="0" borderId="48" xfId="1" applyFont="1" applyBorder="1" applyAlignment="1">
      <alignment vertical="center"/>
    </xf>
    <xf numFmtId="177" fontId="2" fillId="0" borderId="46" xfId="0" applyNumberFormat="1" applyFont="1" applyBorder="1" applyAlignment="1">
      <alignment vertical="center"/>
    </xf>
    <xf numFmtId="38" fontId="2" fillId="0" borderId="62" xfId="0" applyNumberFormat="1" applyFont="1" applyBorder="1" applyAlignment="1">
      <alignment vertical="center"/>
    </xf>
    <xf numFmtId="38" fontId="2" fillId="0" borderId="49" xfId="0" applyNumberFormat="1" applyFont="1" applyBorder="1" applyAlignment="1">
      <alignment vertical="center"/>
    </xf>
    <xf numFmtId="38" fontId="2" fillId="0" borderId="27" xfId="0" applyNumberFormat="1" applyFont="1" applyBorder="1" applyAlignment="1">
      <alignment vertical="center"/>
    </xf>
    <xf numFmtId="38" fontId="2" fillId="0" borderId="23" xfId="0" applyNumberFormat="1" applyFont="1" applyBorder="1" applyAlignment="1">
      <alignment vertical="center"/>
    </xf>
    <xf numFmtId="177" fontId="2" fillId="0" borderId="62" xfId="0" applyNumberFormat="1" applyFont="1" applyBorder="1" applyAlignment="1">
      <alignment vertical="center"/>
    </xf>
    <xf numFmtId="0" fontId="2" fillId="0" borderId="8" xfId="0" applyFont="1" applyBorder="1" applyAlignment="1">
      <alignment vertical="center"/>
    </xf>
    <xf numFmtId="0" fontId="2" fillId="0" borderId="68" xfId="0" applyFont="1" applyBorder="1" applyAlignment="1">
      <alignment vertical="center"/>
    </xf>
    <xf numFmtId="38" fontId="2" fillId="0" borderId="42" xfId="0" applyNumberFormat="1" applyFont="1" applyBorder="1" applyAlignment="1">
      <alignment vertical="center"/>
    </xf>
    <xf numFmtId="38" fontId="2" fillId="0" borderId="65" xfId="0" applyNumberFormat="1" applyFont="1" applyBorder="1" applyAlignment="1">
      <alignment vertical="center"/>
    </xf>
    <xf numFmtId="38" fontId="2" fillId="0" borderId="66" xfId="0" applyNumberFormat="1" applyFont="1" applyBorder="1" applyAlignment="1">
      <alignment vertical="center"/>
    </xf>
    <xf numFmtId="38" fontId="2" fillId="0" borderId="67" xfId="0" applyNumberFormat="1" applyFont="1" applyBorder="1" applyAlignment="1">
      <alignment vertical="center"/>
    </xf>
    <xf numFmtId="38" fontId="2" fillId="0" borderId="3" xfId="0" applyNumberFormat="1" applyFont="1" applyBorder="1" applyAlignment="1">
      <alignment vertical="center"/>
    </xf>
    <xf numFmtId="38" fontId="2" fillId="0" borderId="4" xfId="0" applyNumberFormat="1" applyFont="1" applyBorder="1" applyAlignment="1">
      <alignment vertical="center"/>
    </xf>
    <xf numFmtId="38" fontId="2" fillId="0" borderId="14" xfId="0" applyNumberFormat="1" applyFont="1" applyBorder="1" applyAlignment="1">
      <alignment vertical="center"/>
    </xf>
    <xf numFmtId="38" fontId="2" fillId="0" borderId="28" xfId="0" applyNumberFormat="1" applyFont="1" applyBorder="1" applyAlignment="1">
      <alignment vertical="center"/>
    </xf>
    <xf numFmtId="38" fontId="2" fillId="0" borderId="63" xfId="0" applyNumberFormat="1" applyFont="1" applyBorder="1" applyAlignment="1">
      <alignment vertical="center"/>
    </xf>
    <xf numFmtId="177" fontId="2" fillId="0" borderId="49" xfId="0" applyNumberFormat="1" applyFont="1" applyBorder="1" applyAlignment="1">
      <alignment vertical="center"/>
    </xf>
    <xf numFmtId="177" fontId="2" fillId="0" borderId="27" xfId="0" applyNumberFormat="1" applyFont="1" applyBorder="1" applyAlignment="1">
      <alignment vertical="center"/>
    </xf>
    <xf numFmtId="177" fontId="2" fillId="0" borderId="28" xfId="0" applyNumberFormat="1" applyFont="1" applyBorder="1" applyAlignment="1">
      <alignment vertical="center"/>
    </xf>
    <xf numFmtId="177" fontId="2" fillId="0" borderId="63" xfId="0" applyNumberFormat="1" applyFont="1" applyBorder="1" applyAlignment="1">
      <alignment vertical="center"/>
    </xf>
    <xf numFmtId="177" fontId="2" fillId="0" borderId="23" xfId="0" applyNumberFormat="1" applyFont="1" applyBorder="1" applyAlignment="1">
      <alignment vertical="center"/>
    </xf>
    <xf numFmtId="177" fontId="2" fillId="0" borderId="25" xfId="0" applyNumberFormat="1" applyFont="1" applyBorder="1" applyAlignment="1">
      <alignment vertical="center"/>
    </xf>
    <xf numFmtId="177" fontId="2" fillId="0" borderId="47" xfId="0" applyNumberFormat="1" applyFont="1" applyBorder="1" applyAlignment="1">
      <alignment vertical="center"/>
    </xf>
    <xf numFmtId="177" fontId="2" fillId="0" borderId="17" xfId="0" applyNumberFormat="1" applyFont="1" applyBorder="1" applyAlignment="1">
      <alignment vertical="center"/>
    </xf>
    <xf numFmtId="177" fontId="2" fillId="0" borderId="52" xfId="0" applyNumberFormat="1" applyFont="1" applyBorder="1" applyAlignment="1">
      <alignment vertical="center"/>
    </xf>
    <xf numFmtId="177" fontId="2" fillId="0" borderId="48" xfId="0" applyNumberFormat="1" applyFont="1" applyBorder="1" applyAlignment="1">
      <alignment vertical="center"/>
    </xf>
    <xf numFmtId="38" fontId="2" fillId="0" borderId="43" xfId="0" applyNumberFormat="1" applyFont="1" applyBorder="1" applyAlignment="1">
      <alignment vertical="center"/>
    </xf>
    <xf numFmtId="38" fontId="2" fillId="0" borderId="51" xfId="0" applyNumberFormat="1" applyFont="1" applyBorder="1" applyAlignment="1">
      <alignment vertical="center"/>
    </xf>
    <xf numFmtId="38" fontId="2" fillId="0" borderId="72" xfId="0" applyNumberFormat="1" applyFont="1" applyBorder="1" applyAlignment="1">
      <alignment vertical="center"/>
    </xf>
    <xf numFmtId="38" fontId="2" fillId="0" borderId="73" xfId="0" applyNumberFormat="1" applyFont="1" applyBorder="1" applyAlignment="1">
      <alignment vertical="center"/>
    </xf>
    <xf numFmtId="38" fontId="2" fillId="0" borderId="74" xfId="0" applyNumberFormat="1" applyFont="1" applyBorder="1" applyAlignment="1">
      <alignment vertical="center"/>
    </xf>
    <xf numFmtId="38" fontId="2" fillId="0" borderId="13" xfId="0" applyNumberFormat="1" applyFont="1" applyBorder="1" applyAlignment="1">
      <alignment vertical="center"/>
    </xf>
    <xf numFmtId="177" fontId="2" fillId="0" borderId="53" xfId="0" applyNumberFormat="1" applyFont="1" applyBorder="1" applyAlignment="1">
      <alignment vertical="center"/>
    </xf>
    <xf numFmtId="177" fontId="2" fillId="0" borderId="54" xfId="0" applyNumberFormat="1" applyFont="1" applyBorder="1" applyAlignment="1">
      <alignment vertical="center"/>
    </xf>
    <xf numFmtId="177" fontId="2" fillId="0" borderId="8" xfId="0" applyNumberFormat="1" applyFont="1" applyBorder="1" applyAlignment="1">
      <alignment vertical="center"/>
    </xf>
    <xf numFmtId="177" fontId="2" fillId="0" borderId="10" xfId="0" applyNumberFormat="1" applyFont="1" applyBorder="1" applyAlignment="1">
      <alignment vertical="center"/>
    </xf>
    <xf numFmtId="177" fontId="2" fillId="0" borderId="41" xfId="0" applyNumberFormat="1" applyFont="1" applyBorder="1" applyAlignment="1">
      <alignment vertical="center"/>
    </xf>
    <xf numFmtId="177" fontId="2" fillId="0" borderId="40" xfId="0" applyNumberFormat="1" applyFont="1" applyBorder="1" applyAlignment="1">
      <alignment vertical="center"/>
    </xf>
    <xf numFmtId="0" fontId="5" fillId="0" borderId="27" xfId="0" applyFont="1" applyBorder="1" applyAlignment="1">
      <alignment horizontal="center" vertical="center" wrapText="1"/>
    </xf>
    <xf numFmtId="0" fontId="2" fillId="0" borderId="27" xfId="0" applyFont="1" applyBorder="1" applyAlignment="1">
      <alignment horizontal="center" vertical="center" wrapText="1"/>
    </xf>
    <xf numFmtId="0" fontId="2" fillId="0" borderId="27" xfId="0" applyFont="1" applyBorder="1" applyAlignment="1">
      <alignment horizontal="left" vertical="center" wrapText="1"/>
    </xf>
    <xf numFmtId="0" fontId="5" fillId="0" borderId="27" xfId="0" applyFont="1" applyBorder="1" applyAlignment="1">
      <alignment horizontal="center" vertical="center" wrapText="1" shrinkToFit="1"/>
    </xf>
    <xf numFmtId="0" fontId="4" fillId="0" borderId="28" xfId="0" applyFont="1" applyBorder="1" applyAlignment="1">
      <alignment horizontal="center" vertical="center" wrapText="1"/>
    </xf>
    <xf numFmtId="176" fontId="2" fillId="0" borderId="44" xfId="0" applyNumberFormat="1" applyFont="1" applyBorder="1" applyAlignment="1">
      <alignment horizontal="right" vertical="center"/>
    </xf>
    <xf numFmtId="176" fontId="2" fillId="0" borderId="30" xfId="0" applyNumberFormat="1" applyFont="1" applyBorder="1" applyAlignment="1">
      <alignment horizontal="right" vertical="center"/>
    </xf>
    <xf numFmtId="176" fontId="2" fillId="0" borderId="38" xfId="0" applyNumberFormat="1" applyFont="1" applyBorder="1" applyAlignment="1">
      <alignment horizontal="right" vertical="center" wrapText="1"/>
    </xf>
    <xf numFmtId="176" fontId="2" fillId="0" borderId="14" xfId="0" applyNumberFormat="1" applyFont="1" applyBorder="1" applyAlignment="1">
      <alignment horizontal="right" vertical="center"/>
    </xf>
    <xf numFmtId="176" fontId="2" fillId="0" borderId="30" xfId="0" applyNumberFormat="1" applyFont="1" applyBorder="1" applyAlignment="1">
      <alignment horizontal="right" vertical="center" wrapText="1" shrinkToFit="1"/>
    </xf>
    <xf numFmtId="176" fontId="2" fillId="0" borderId="32" xfId="0" applyNumberFormat="1" applyFont="1" applyBorder="1" applyAlignment="1">
      <alignment horizontal="right" vertical="center"/>
    </xf>
    <xf numFmtId="176" fontId="5" fillId="0" borderId="32" xfId="0" applyNumberFormat="1" applyFont="1" applyBorder="1" applyAlignment="1">
      <alignment horizontal="right" vertical="center" wrapText="1"/>
    </xf>
    <xf numFmtId="176" fontId="2" fillId="0" borderId="32" xfId="0" applyNumberFormat="1" applyFont="1" applyBorder="1" applyAlignment="1">
      <alignment horizontal="right" vertical="center" wrapText="1"/>
    </xf>
    <xf numFmtId="176" fontId="5" fillId="0" borderId="32" xfId="0" applyNumberFormat="1" applyFont="1" applyBorder="1" applyAlignment="1">
      <alignment horizontal="right" vertical="center" wrapText="1" shrinkToFit="1"/>
    </xf>
    <xf numFmtId="176" fontId="2" fillId="0" borderId="31" xfId="0" applyNumberFormat="1" applyFont="1" applyBorder="1" applyAlignment="1">
      <alignment horizontal="right" vertical="center" wrapText="1"/>
    </xf>
    <xf numFmtId="176" fontId="4" fillId="0" borderId="14" xfId="0" applyNumberFormat="1" applyFont="1" applyBorder="1" applyAlignment="1">
      <alignment horizontal="right" vertical="center" wrapText="1"/>
    </xf>
    <xf numFmtId="0" fontId="2" fillId="0" borderId="25" xfId="0" applyFont="1" applyBorder="1" applyAlignment="1">
      <alignment vertical="center"/>
    </xf>
    <xf numFmtId="176" fontId="2" fillId="0" borderId="43" xfId="0" applyNumberFormat="1" applyFont="1" applyBorder="1" applyAlignment="1">
      <alignment horizontal="right" vertical="center"/>
    </xf>
    <xf numFmtId="176" fontId="2" fillId="0" borderId="51" xfId="0" applyNumberFormat="1" applyFont="1" applyBorder="1" applyAlignment="1">
      <alignment horizontal="right" vertical="center"/>
    </xf>
    <xf numFmtId="176" fontId="2" fillId="0" borderId="72" xfId="0" applyNumberFormat="1" applyFont="1" applyBorder="1" applyAlignment="1">
      <alignment horizontal="right" vertical="center"/>
    </xf>
    <xf numFmtId="176" fontId="2" fillId="0" borderId="73" xfId="0" applyNumberFormat="1" applyFont="1" applyBorder="1" applyAlignment="1">
      <alignment horizontal="right" vertical="center"/>
    </xf>
    <xf numFmtId="176" fontId="2" fillId="0" borderId="13" xfId="0" applyNumberFormat="1" applyFont="1" applyBorder="1" applyAlignment="1">
      <alignment horizontal="right" vertical="center"/>
    </xf>
    <xf numFmtId="176" fontId="2" fillId="0" borderId="20" xfId="0" applyNumberFormat="1" applyFont="1" applyBorder="1" applyAlignment="1">
      <alignment horizontal="right" vertical="center"/>
    </xf>
    <xf numFmtId="176" fontId="2" fillId="0" borderId="62" xfId="0" applyNumberFormat="1" applyFont="1" applyBorder="1" applyAlignment="1">
      <alignment horizontal="right" vertical="center"/>
    </xf>
    <xf numFmtId="176" fontId="2" fillId="0" borderId="49" xfId="0" applyNumberFormat="1" applyFont="1" applyBorder="1" applyAlignment="1">
      <alignment horizontal="right" vertical="center"/>
    </xf>
    <xf numFmtId="176" fontId="2" fillId="0" borderId="27" xfId="0" applyNumberFormat="1" applyFont="1" applyBorder="1" applyAlignment="1">
      <alignment horizontal="right" vertical="center"/>
    </xf>
    <xf numFmtId="176" fontId="2" fillId="0" borderId="28" xfId="0" applyNumberFormat="1" applyFont="1" applyBorder="1" applyAlignment="1">
      <alignment horizontal="right" vertical="center"/>
    </xf>
    <xf numFmtId="176" fontId="2" fillId="0" borderId="23" xfId="0" applyNumberFormat="1" applyFont="1" applyBorder="1" applyAlignment="1">
      <alignment horizontal="right" vertical="center"/>
    </xf>
    <xf numFmtId="176" fontId="2" fillId="0" borderId="25" xfId="0" applyNumberFormat="1" applyFont="1" applyBorder="1" applyAlignment="1">
      <alignment horizontal="right" vertical="center"/>
    </xf>
    <xf numFmtId="176" fontId="2" fillId="0" borderId="46" xfId="0" applyNumberFormat="1" applyFont="1" applyBorder="1" applyAlignment="1">
      <alignment horizontal="right" vertical="center"/>
    </xf>
    <xf numFmtId="176" fontId="2" fillId="0" borderId="47" xfId="0" applyNumberFormat="1" applyFont="1" applyBorder="1" applyAlignment="1">
      <alignment horizontal="right" vertical="center"/>
    </xf>
    <xf numFmtId="176" fontId="2" fillId="0" borderId="17" xfId="0" applyNumberFormat="1" applyFont="1" applyBorder="1" applyAlignment="1">
      <alignment horizontal="right" vertical="center"/>
    </xf>
    <xf numFmtId="176" fontId="2" fillId="0" borderId="48" xfId="0" applyNumberFormat="1" applyFont="1" applyBorder="1" applyAlignment="1">
      <alignment horizontal="right" vertical="center"/>
    </xf>
    <xf numFmtId="176" fontId="2" fillId="0" borderId="53" xfId="0" applyNumberFormat="1" applyFont="1" applyBorder="1" applyAlignment="1">
      <alignment horizontal="right" vertical="center"/>
    </xf>
    <xf numFmtId="176" fontId="2" fillId="0" borderId="54" xfId="0" applyNumberFormat="1" applyFont="1" applyBorder="1" applyAlignment="1">
      <alignment horizontal="right" vertical="center"/>
    </xf>
    <xf numFmtId="176" fontId="2" fillId="0" borderId="8" xfId="0" applyNumberFormat="1" applyFont="1" applyBorder="1" applyAlignment="1">
      <alignment horizontal="right" vertical="center"/>
    </xf>
    <xf numFmtId="176" fontId="2" fillId="0" borderId="10" xfId="0" applyNumberFormat="1" applyFont="1" applyBorder="1" applyAlignment="1">
      <alignment horizontal="right" vertical="center"/>
    </xf>
    <xf numFmtId="176" fontId="2" fillId="0" borderId="40" xfId="0" applyNumberFormat="1" applyFont="1" applyBorder="1" applyAlignment="1">
      <alignment horizontal="right" vertical="center"/>
    </xf>
    <xf numFmtId="176" fontId="2" fillId="0" borderId="43" xfId="0" applyNumberFormat="1" applyFont="1" applyBorder="1" applyAlignment="1">
      <alignment vertical="center"/>
    </xf>
    <xf numFmtId="176" fontId="2" fillId="0" borderId="51" xfId="0" applyNumberFormat="1" applyFont="1" applyBorder="1" applyAlignment="1">
      <alignment vertical="center"/>
    </xf>
    <xf numFmtId="176" fontId="2" fillId="0" borderId="72" xfId="0" applyNumberFormat="1" applyFont="1" applyBorder="1" applyAlignment="1">
      <alignment vertical="center"/>
    </xf>
    <xf numFmtId="176" fontId="2" fillId="0" borderId="73" xfId="0" applyNumberFormat="1" applyFont="1" applyBorder="1" applyAlignment="1">
      <alignment vertical="center"/>
    </xf>
    <xf numFmtId="176" fontId="2" fillId="0" borderId="76" xfId="0" applyNumberFormat="1" applyFont="1" applyBorder="1" applyAlignment="1">
      <alignment vertical="center"/>
    </xf>
    <xf numFmtId="176" fontId="2" fillId="0" borderId="71" xfId="0" applyNumberFormat="1" applyFont="1" applyBorder="1" applyAlignment="1">
      <alignment vertical="center"/>
    </xf>
    <xf numFmtId="176" fontId="2" fillId="0" borderId="18" xfId="0" applyNumberFormat="1" applyFont="1" applyBorder="1" applyAlignment="1">
      <alignment vertical="center"/>
    </xf>
    <xf numFmtId="0" fontId="5" fillId="0" borderId="24" xfId="0" applyFont="1" applyBorder="1" applyAlignment="1">
      <alignment vertical="center" wrapText="1"/>
    </xf>
    <xf numFmtId="0" fontId="2" fillId="0" borderId="77" xfId="0" applyFont="1" applyBorder="1" applyAlignment="1">
      <alignment vertical="center"/>
    </xf>
    <xf numFmtId="176" fontId="2" fillId="0" borderId="21" xfId="0" applyNumberFormat="1" applyFont="1" applyBorder="1" applyAlignment="1">
      <alignment vertical="center"/>
    </xf>
    <xf numFmtId="0" fontId="2" fillId="0" borderId="78" xfId="0" applyFont="1" applyBorder="1" applyAlignment="1">
      <alignment vertical="center"/>
    </xf>
    <xf numFmtId="0" fontId="5" fillId="0" borderId="11" xfId="0" applyFont="1" applyBorder="1" applyAlignment="1">
      <alignment vertical="center"/>
    </xf>
    <xf numFmtId="176" fontId="5" fillId="0" borderId="14" xfId="0" applyNumberFormat="1" applyFont="1" applyBorder="1" applyAlignment="1">
      <alignment vertical="center"/>
    </xf>
    <xf numFmtId="0" fontId="5" fillId="0" borderId="16" xfId="0" applyFont="1" applyBorder="1" applyAlignment="1">
      <alignment vertical="center"/>
    </xf>
    <xf numFmtId="176" fontId="5" fillId="0" borderId="20" xfId="0" applyNumberFormat="1" applyFont="1" applyBorder="1" applyAlignment="1">
      <alignment vertical="center"/>
    </xf>
    <xf numFmtId="0" fontId="5" fillId="0" borderId="21" xfId="0" applyFont="1" applyBorder="1" applyAlignment="1">
      <alignment vertical="center"/>
    </xf>
    <xf numFmtId="176" fontId="5" fillId="0" borderId="25" xfId="0" applyNumberFormat="1" applyFont="1" applyBorder="1" applyAlignment="1">
      <alignment vertical="center"/>
    </xf>
    <xf numFmtId="176" fontId="5" fillId="0" borderId="28" xfId="0" applyNumberFormat="1" applyFont="1" applyBorder="1" applyAlignment="1">
      <alignment vertical="center"/>
    </xf>
    <xf numFmtId="0" fontId="5" fillId="0" borderId="6" xfId="0" applyFont="1" applyBorder="1" applyAlignment="1">
      <alignment vertical="center"/>
    </xf>
    <xf numFmtId="0" fontId="5" fillId="0" borderId="7" xfId="0" applyFont="1" applyBorder="1" applyAlignment="1">
      <alignment vertical="center"/>
    </xf>
    <xf numFmtId="176" fontId="5" fillId="0" borderId="10" xfId="0" applyNumberFormat="1" applyFont="1" applyBorder="1" applyAlignment="1">
      <alignment vertical="center"/>
    </xf>
    <xf numFmtId="0" fontId="5" fillId="0" borderId="1" xfId="0" applyFont="1" applyBorder="1" applyAlignment="1">
      <alignment vertical="center"/>
    </xf>
    <xf numFmtId="0" fontId="5" fillId="0" borderId="3" xfId="0" applyFont="1" applyBorder="1" applyAlignment="1">
      <alignment vertical="center"/>
    </xf>
    <xf numFmtId="0" fontId="5" fillId="0" borderId="4" xfId="0" applyFont="1" applyBorder="1" applyAlignment="1">
      <alignment vertical="center"/>
    </xf>
    <xf numFmtId="0" fontId="5" fillId="0" borderId="2" xfId="0" applyFont="1" applyBorder="1" applyAlignment="1">
      <alignment horizontal="right" vertical="center"/>
    </xf>
    <xf numFmtId="0" fontId="5" fillId="0" borderId="5" xfId="0" applyFont="1" applyBorder="1" applyAlignment="1">
      <alignment vertical="center"/>
    </xf>
    <xf numFmtId="0" fontId="5" fillId="0" borderId="6" xfId="0" applyFont="1" applyBorder="1" applyAlignment="1">
      <alignment horizontal="center" vertical="center"/>
    </xf>
    <xf numFmtId="0" fontId="5" fillId="0" borderId="8" xfId="0" applyFont="1" applyBorder="1" applyAlignment="1">
      <alignment horizontal="center" vertical="center"/>
    </xf>
    <xf numFmtId="0" fontId="5" fillId="0" borderId="9" xfId="0" applyFont="1" applyBorder="1" applyAlignment="1">
      <alignment horizontal="center" vertical="center"/>
    </xf>
    <xf numFmtId="0" fontId="5" fillId="0" borderId="7" xfId="0" applyFont="1" applyBorder="1" applyAlignment="1">
      <alignment horizontal="center" vertical="center"/>
    </xf>
    <xf numFmtId="0" fontId="5" fillId="0" borderId="10" xfId="0" applyFont="1" applyBorder="1" applyAlignment="1">
      <alignment horizontal="center" vertical="center"/>
    </xf>
    <xf numFmtId="0" fontId="5" fillId="0" borderId="15" xfId="0" applyFont="1" applyBorder="1" applyAlignment="1">
      <alignment vertical="center"/>
    </xf>
    <xf numFmtId="0" fontId="5" fillId="0" borderId="22" xfId="0" applyFont="1" applyBorder="1" applyAlignment="1">
      <alignment vertical="center"/>
    </xf>
    <xf numFmtId="0" fontId="5" fillId="0" borderId="22" xfId="0" applyFont="1" applyBorder="1" applyAlignment="1">
      <alignment vertical="center" shrinkToFit="1"/>
    </xf>
    <xf numFmtId="0" fontId="5" fillId="0" borderId="26" xfId="0" applyFont="1" applyBorder="1" applyAlignment="1">
      <alignment vertical="center"/>
    </xf>
    <xf numFmtId="0" fontId="5" fillId="0" borderId="29" xfId="0" applyFont="1" applyBorder="1" applyAlignment="1">
      <alignment vertical="center"/>
    </xf>
    <xf numFmtId="0" fontId="5" fillId="0" borderId="0" xfId="0" applyFont="1" applyAlignment="1">
      <alignment vertical="center"/>
    </xf>
    <xf numFmtId="0" fontId="5" fillId="0" borderId="11" xfId="0" applyFont="1" applyBorder="1" applyAlignment="1">
      <alignment horizontal="right" vertical="center"/>
    </xf>
    <xf numFmtId="176" fontId="5" fillId="0" borderId="12" xfId="0" applyNumberFormat="1" applyFont="1" applyBorder="1" applyAlignment="1">
      <alignment horizontal="right" vertical="center"/>
    </xf>
    <xf numFmtId="0" fontId="5" fillId="0" borderId="13" xfId="0" applyFont="1" applyBorder="1" applyAlignment="1">
      <alignment horizontal="right" vertical="center"/>
    </xf>
    <xf numFmtId="0" fontId="5" fillId="0" borderId="0" xfId="0" applyFont="1" applyBorder="1" applyAlignment="1">
      <alignment horizontal="right" vertical="center"/>
    </xf>
    <xf numFmtId="0" fontId="5" fillId="0" borderId="16" xfId="0" applyFont="1" applyBorder="1" applyAlignment="1">
      <alignment horizontal="right" vertical="center"/>
    </xf>
    <xf numFmtId="176" fontId="5" fillId="0" borderId="17" xfId="0" applyNumberFormat="1" applyFont="1" applyBorder="1" applyAlignment="1">
      <alignment horizontal="right" vertical="center"/>
    </xf>
    <xf numFmtId="0" fontId="5" fillId="0" borderId="18" xfId="0" applyFont="1" applyBorder="1" applyAlignment="1">
      <alignment horizontal="right" vertical="center"/>
    </xf>
    <xf numFmtId="0" fontId="5" fillId="0" borderId="19" xfId="0" applyFont="1" applyBorder="1" applyAlignment="1">
      <alignment horizontal="right" vertical="center"/>
    </xf>
    <xf numFmtId="0" fontId="5" fillId="0" borderId="21" xfId="0" applyFont="1" applyBorder="1" applyAlignment="1">
      <alignment horizontal="right" vertical="center"/>
    </xf>
    <xf numFmtId="0" fontId="5" fillId="0" borderId="23" xfId="0" applyFont="1" applyBorder="1" applyAlignment="1">
      <alignment horizontal="right" vertical="center"/>
    </xf>
    <xf numFmtId="0" fontId="5" fillId="0" borderId="24" xfId="0" applyFont="1" applyBorder="1" applyAlignment="1">
      <alignment horizontal="right" vertical="center"/>
    </xf>
    <xf numFmtId="176" fontId="5" fillId="0" borderId="27" xfId="0" applyNumberFormat="1" applyFont="1" applyBorder="1" applyAlignment="1">
      <alignment horizontal="right" vertical="center"/>
    </xf>
    <xf numFmtId="38" fontId="5" fillId="0" borderId="0" xfId="1" applyFont="1" applyBorder="1" applyAlignment="1">
      <alignment horizontal="right" vertical="center"/>
    </xf>
    <xf numFmtId="0" fontId="5" fillId="0" borderId="6" xfId="0" applyFont="1" applyBorder="1" applyAlignment="1">
      <alignment horizontal="right" vertical="center"/>
    </xf>
    <xf numFmtId="176" fontId="5" fillId="0" borderId="8" xfId="0" applyNumberFormat="1" applyFont="1" applyBorder="1" applyAlignment="1">
      <alignment horizontal="right" vertical="center"/>
    </xf>
    <xf numFmtId="0" fontId="5" fillId="0" borderId="9" xfId="0" applyFont="1" applyBorder="1" applyAlignment="1">
      <alignment horizontal="right" vertical="center"/>
    </xf>
    <xf numFmtId="0" fontId="5" fillId="0" borderId="7" xfId="0" applyFont="1" applyBorder="1" applyAlignment="1">
      <alignment horizontal="right" vertical="center"/>
    </xf>
    <xf numFmtId="0" fontId="5" fillId="0" borderId="0" xfId="0" quotePrefix="1" applyFont="1" applyAlignment="1">
      <alignment vertical="center"/>
    </xf>
    <xf numFmtId="38" fontId="2" fillId="0" borderId="30" xfId="1" applyFont="1" applyBorder="1" applyAlignment="1">
      <alignment horizontal="right" vertical="center"/>
    </xf>
    <xf numFmtId="38" fontId="2" fillId="0" borderId="32" xfId="1" applyFont="1" applyBorder="1" applyAlignment="1">
      <alignment horizontal="right" vertical="center"/>
    </xf>
    <xf numFmtId="38" fontId="2" fillId="0" borderId="34" xfId="1" applyFont="1" applyBorder="1" applyAlignment="1">
      <alignment horizontal="right" vertical="center"/>
    </xf>
    <xf numFmtId="38" fontId="2" fillId="0" borderId="17" xfId="1" applyFont="1" applyBorder="1" applyAlignment="1">
      <alignment horizontal="right" vertical="center"/>
    </xf>
    <xf numFmtId="38" fontId="2" fillId="0" borderId="33" xfId="1" applyFont="1" applyBorder="1" applyAlignment="1">
      <alignment horizontal="right" vertical="center"/>
    </xf>
    <xf numFmtId="176" fontId="5" fillId="0" borderId="18" xfId="0" applyNumberFormat="1" applyFont="1" applyBorder="1" applyAlignment="1">
      <alignment horizontal="right" vertical="center"/>
    </xf>
    <xf numFmtId="176" fontId="5" fillId="0" borderId="70" xfId="0" applyNumberFormat="1" applyFont="1" applyBorder="1" applyAlignment="1">
      <alignment vertical="center"/>
    </xf>
    <xf numFmtId="0" fontId="2" fillId="0" borderId="33" xfId="0" applyFont="1" applyBorder="1" applyAlignment="1">
      <alignment horizontal="right" vertical="center"/>
    </xf>
    <xf numFmtId="0" fontId="2" fillId="0" borderId="17" xfId="0" applyFont="1" applyBorder="1" applyAlignment="1">
      <alignment horizontal="right" vertical="center"/>
    </xf>
    <xf numFmtId="0" fontId="2" fillId="0" borderId="34" xfId="0" applyFont="1" applyBorder="1" applyAlignment="1">
      <alignment horizontal="right" vertical="center"/>
    </xf>
    <xf numFmtId="0" fontId="2" fillId="0" borderId="30" xfId="0" applyFont="1" applyBorder="1" applyAlignment="1">
      <alignment horizontal="right" vertical="center"/>
    </xf>
    <xf numFmtId="0" fontId="2" fillId="0" borderId="32" xfId="0" applyFont="1" applyBorder="1" applyAlignment="1">
      <alignment horizontal="right" vertical="center"/>
    </xf>
    <xf numFmtId="0" fontId="2" fillId="0" borderId="31" xfId="0" applyFont="1" applyBorder="1" applyAlignment="1">
      <alignment horizontal="right" vertical="center"/>
    </xf>
    <xf numFmtId="38" fontId="2" fillId="0" borderId="31" xfId="0" applyNumberFormat="1" applyFont="1" applyBorder="1" applyAlignment="1">
      <alignment horizontal="right" vertical="center"/>
    </xf>
    <xf numFmtId="38" fontId="2" fillId="0" borderId="32" xfId="0" applyNumberFormat="1" applyFont="1" applyBorder="1" applyAlignment="1">
      <alignment horizontal="right" vertical="center"/>
    </xf>
    <xf numFmtId="38" fontId="2" fillId="0" borderId="14" xfId="0" applyNumberFormat="1" applyFont="1" applyBorder="1" applyAlignment="1">
      <alignment horizontal="right" vertical="center"/>
    </xf>
    <xf numFmtId="38" fontId="2" fillId="0" borderId="34" xfId="0" applyNumberFormat="1" applyFont="1" applyBorder="1" applyAlignment="1">
      <alignment horizontal="right" vertical="center"/>
    </xf>
    <xf numFmtId="38" fontId="2" fillId="0" borderId="17" xfId="0" applyNumberFormat="1" applyFont="1" applyBorder="1" applyAlignment="1">
      <alignment horizontal="right" vertical="center"/>
    </xf>
    <xf numFmtId="38" fontId="2" fillId="0" borderId="25" xfId="0" applyNumberFormat="1" applyFont="1" applyBorder="1" applyAlignment="1">
      <alignment horizontal="right" vertical="center"/>
    </xf>
    <xf numFmtId="38" fontId="2" fillId="0" borderId="21" xfId="0" applyNumberFormat="1" applyFont="1" applyBorder="1" applyAlignment="1">
      <alignment horizontal="right" vertical="center"/>
    </xf>
    <xf numFmtId="38" fontId="2" fillId="0" borderId="27" xfId="0" applyNumberFormat="1" applyFont="1" applyBorder="1" applyAlignment="1">
      <alignment horizontal="right" vertical="center"/>
    </xf>
    <xf numFmtId="38" fontId="2" fillId="0" borderId="24" xfId="0" applyNumberFormat="1" applyFont="1" applyBorder="1" applyAlignment="1">
      <alignment horizontal="right" vertical="center"/>
    </xf>
    <xf numFmtId="38" fontId="2" fillId="0" borderId="28" xfId="0" applyNumberFormat="1" applyFont="1" applyBorder="1" applyAlignment="1">
      <alignment horizontal="right" vertical="center"/>
    </xf>
    <xf numFmtId="38" fontId="2" fillId="0" borderId="35" xfId="0" applyNumberFormat="1" applyFont="1" applyBorder="1" applyAlignment="1">
      <alignment horizontal="right" vertical="center"/>
    </xf>
    <xf numFmtId="38" fontId="2" fillId="0" borderId="8" xfId="0" applyNumberFormat="1" applyFont="1" applyBorder="1" applyAlignment="1">
      <alignment horizontal="right" vertical="center"/>
    </xf>
    <xf numFmtId="38" fontId="2" fillId="0" borderId="36" xfId="0" applyNumberFormat="1" applyFont="1" applyBorder="1" applyAlignment="1">
      <alignment horizontal="right" vertical="center"/>
    </xf>
    <xf numFmtId="38" fontId="2" fillId="0" borderId="10" xfId="0" applyNumberFormat="1" applyFont="1" applyBorder="1" applyAlignment="1">
      <alignment horizontal="right" vertical="center"/>
    </xf>
    <xf numFmtId="38" fontId="2" fillId="0" borderId="31" xfId="1" applyFont="1" applyBorder="1" applyAlignment="1">
      <alignment horizontal="right" vertical="center"/>
    </xf>
    <xf numFmtId="38" fontId="2" fillId="0" borderId="14" xfId="1" applyFont="1" applyBorder="1" applyAlignment="1">
      <alignment horizontal="right" vertical="center"/>
    </xf>
    <xf numFmtId="38" fontId="2" fillId="0" borderId="25" xfId="1" applyFont="1" applyBorder="1" applyAlignment="1">
      <alignment horizontal="right" vertical="center"/>
    </xf>
    <xf numFmtId="38" fontId="2" fillId="0" borderId="21" xfId="1" applyFont="1" applyBorder="1" applyAlignment="1">
      <alignment horizontal="right" vertical="center"/>
    </xf>
    <xf numFmtId="38" fontId="2" fillId="0" borderId="27" xfId="1" applyFont="1" applyBorder="1" applyAlignment="1">
      <alignment horizontal="right" vertical="center"/>
    </xf>
    <xf numFmtId="38" fontId="2" fillId="0" borderId="24" xfId="1" applyFont="1" applyBorder="1" applyAlignment="1">
      <alignment horizontal="right" vertical="center"/>
    </xf>
    <xf numFmtId="38" fontId="2" fillId="0" borderId="28" xfId="1" applyFont="1" applyBorder="1" applyAlignment="1">
      <alignment horizontal="right" vertical="center"/>
    </xf>
    <xf numFmtId="38" fontId="2" fillId="0" borderId="35" xfId="1" applyFont="1" applyBorder="1" applyAlignment="1">
      <alignment horizontal="right" vertical="center"/>
    </xf>
    <xf numFmtId="38" fontId="2" fillId="0" borderId="8" xfId="1" applyFont="1" applyBorder="1" applyAlignment="1">
      <alignment horizontal="right" vertical="center"/>
    </xf>
    <xf numFmtId="38" fontId="2" fillId="0" borderId="36" xfId="1" applyFont="1" applyBorder="1" applyAlignment="1">
      <alignment horizontal="right" vertical="center"/>
    </xf>
    <xf numFmtId="38" fontId="2" fillId="0" borderId="10" xfId="1" applyFont="1" applyBorder="1" applyAlignment="1">
      <alignment horizontal="right" vertical="center"/>
    </xf>
    <xf numFmtId="0" fontId="4" fillId="0" borderId="45" xfId="0" applyFont="1" applyBorder="1" applyAlignment="1">
      <alignment vertical="center"/>
    </xf>
    <xf numFmtId="0" fontId="4" fillId="0" borderId="47" xfId="0" applyFont="1" applyBorder="1" applyAlignment="1">
      <alignment vertical="center"/>
    </xf>
    <xf numFmtId="0" fontId="4" fillId="0" borderId="54" xfId="0" applyFont="1" applyBorder="1" applyAlignment="1">
      <alignment horizontal="left" vertical="center"/>
    </xf>
    <xf numFmtId="38" fontId="2" fillId="0" borderId="0" xfId="1" applyFont="1" applyBorder="1" applyAlignment="1">
      <alignment horizontal="right" vertical="center"/>
    </xf>
    <xf numFmtId="0" fontId="4" fillId="0" borderId="49" xfId="0" applyFont="1" applyBorder="1" applyAlignment="1">
      <alignment horizontal="center" vertical="center" wrapText="1"/>
    </xf>
    <xf numFmtId="0" fontId="4" fillId="0" borderId="51" xfId="0" applyFont="1" applyBorder="1"/>
    <xf numFmtId="0" fontId="2" fillId="0" borderId="21" xfId="0" applyFont="1" applyBorder="1" applyAlignment="1">
      <alignment horizontal="center" vertical="center" wrapText="1"/>
    </xf>
    <xf numFmtId="0" fontId="2" fillId="0" borderId="11" xfId="0" applyFont="1" applyBorder="1" applyAlignment="1">
      <alignment horizontal="center" vertical="center" wrapText="1"/>
    </xf>
    <xf numFmtId="0" fontId="2" fillId="0" borderId="6" xfId="0" applyFont="1" applyBorder="1" applyAlignment="1">
      <alignment horizontal="center" vertical="center" wrapText="1"/>
    </xf>
    <xf numFmtId="0" fontId="2" fillId="0" borderId="21" xfId="0" applyFont="1" applyBorder="1" applyAlignment="1">
      <alignment vertical="center" shrinkToFit="1"/>
    </xf>
    <xf numFmtId="0" fontId="0" fillId="0" borderId="22" xfId="0" applyBorder="1" applyAlignment="1">
      <alignment vertical="center" shrinkToFit="1"/>
    </xf>
    <xf numFmtId="0" fontId="7" fillId="0" borderId="55" xfId="0" applyFont="1" applyBorder="1" applyAlignment="1">
      <alignment vertical="center"/>
    </xf>
    <xf numFmtId="0" fontId="7" fillId="0" borderId="75" xfId="0" applyFont="1" applyBorder="1" applyAlignment="1">
      <alignmen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0</xdr:colOff>
      <xdr:row>73</xdr:row>
      <xdr:rowOff>0</xdr:rowOff>
    </xdr:from>
    <xdr:to>
      <xdr:col>2</xdr:col>
      <xdr:colOff>0</xdr:colOff>
      <xdr:row>75</xdr:row>
      <xdr:rowOff>0</xdr:rowOff>
    </xdr:to>
    <xdr:sp macro="" textlink="">
      <xdr:nvSpPr>
        <xdr:cNvPr id="6" name="Line 5"/>
        <xdr:cNvSpPr>
          <a:spLocks noChangeShapeType="1"/>
        </xdr:cNvSpPr>
      </xdr:nvSpPr>
      <xdr:spPr bwMode="auto">
        <a:xfrm>
          <a:off x="0" y="132683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87</xdr:row>
      <xdr:rowOff>0</xdr:rowOff>
    </xdr:from>
    <xdr:to>
      <xdr:col>2</xdr:col>
      <xdr:colOff>0</xdr:colOff>
      <xdr:row>89</xdr:row>
      <xdr:rowOff>0</xdr:rowOff>
    </xdr:to>
    <xdr:sp macro="" textlink="">
      <xdr:nvSpPr>
        <xdr:cNvPr id="7" name="Line 6"/>
        <xdr:cNvSpPr>
          <a:spLocks noChangeShapeType="1"/>
        </xdr:cNvSpPr>
      </xdr:nvSpPr>
      <xdr:spPr bwMode="auto">
        <a:xfrm>
          <a:off x="0" y="162115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94</xdr:row>
      <xdr:rowOff>0</xdr:rowOff>
    </xdr:from>
    <xdr:to>
      <xdr:col>2</xdr:col>
      <xdr:colOff>0</xdr:colOff>
      <xdr:row>96</xdr:row>
      <xdr:rowOff>0</xdr:rowOff>
    </xdr:to>
    <xdr:sp macro="" textlink="">
      <xdr:nvSpPr>
        <xdr:cNvPr id="8" name="Line 8"/>
        <xdr:cNvSpPr>
          <a:spLocks noChangeShapeType="1"/>
        </xdr:cNvSpPr>
      </xdr:nvSpPr>
      <xdr:spPr bwMode="auto">
        <a:xfrm>
          <a:off x="0" y="179546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113</xdr:row>
      <xdr:rowOff>0</xdr:rowOff>
    </xdr:from>
    <xdr:to>
      <xdr:col>2</xdr:col>
      <xdr:colOff>0</xdr:colOff>
      <xdr:row>115</xdr:row>
      <xdr:rowOff>0</xdr:rowOff>
    </xdr:to>
    <xdr:sp macro="" textlink="">
      <xdr:nvSpPr>
        <xdr:cNvPr id="9" name="Line 9"/>
        <xdr:cNvSpPr>
          <a:spLocks noChangeShapeType="1"/>
        </xdr:cNvSpPr>
      </xdr:nvSpPr>
      <xdr:spPr bwMode="auto">
        <a:xfrm>
          <a:off x="0" y="2175510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128</xdr:row>
      <xdr:rowOff>0</xdr:rowOff>
    </xdr:from>
    <xdr:to>
      <xdr:col>2</xdr:col>
      <xdr:colOff>0</xdr:colOff>
      <xdr:row>130</xdr:row>
      <xdr:rowOff>0</xdr:rowOff>
    </xdr:to>
    <xdr:sp macro="" textlink="">
      <xdr:nvSpPr>
        <xdr:cNvPr id="10" name="Line 11"/>
        <xdr:cNvSpPr>
          <a:spLocks noChangeShapeType="1"/>
        </xdr:cNvSpPr>
      </xdr:nvSpPr>
      <xdr:spPr bwMode="auto">
        <a:xfrm>
          <a:off x="0" y="2486977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181</xdr:row>
      <xdr:rowOff>0</xdr:rowOff>
    </xdr:from>
    <xdr:to>
      <xdr:col>2</xdr:col>
      <xdr:colOff>0</xdr:colOff>
      <xdr:row>183</xdr:row>
      <xdr:rowOff>0</xdr:rowOff>
    </xdr:to>
    <xdr:sp macro="" textlink="">
      <xdr:nvSpPr>
        <xdr:cNvPr id="11" name="Line 18"/>
        <xdr:cNvSpPr>
          <a:spLocks noChangeShapeType="1"/>
        </xdr:cNvSpPr>
      </xdr:nvSpPr>
      <xdr:spPr bwMode="auto">
        <a:xfrm>
          <a:off x="0" y="361283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193</xdr:row>
      <xdr:rowOff>0</xdr:rowOff>
    </xdr:from>
    <xdr:to>
      <xdr:col>2</xdr:col>
      <xdr:colOff>0</xdr:colOff>
      <xdr:row>195</xdr:row>
      <xdr:rowOff>0</xdr:rowOff>
    </xdr:to>
    <xdr:sp macro="" textlink="">
      <xdr:nvSpPr>
        <xdr:cNvPr id="12" name="Line 19"/>
        <xdr:cNvSpPr>
          <a:spLocks noChangeShapeType="1"/>
        </xdr:cNvSpPr>
      </xdr:nvSpPr>
      <xdr:spPr bwMode="auto">
        <a:xfrm>
          <a:off x="0" y="387286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03</xdr:row>
      <xdr:rowOff>0</xdr:rowOff>
    </xdr:from>
    <xdr:to>
      <xdr:col>2</xdr:col>
      <xdr:colOff>0</xdr:colOff>
      <xdr:row>205</xdr:row>
      <xdr:rowOff>0</xdr:rowOff>
    </xdr:to>
    <xdr:sp macro="" textlink="">
      <xdr:nvSpPr>
        <xdr:cNvPr id="13" name="Line 20"/>
        <xdr:cNvSpPr>
          <a:spLocks noChangeShapeType="1"/>
        </xdr:cNvSpPr>
      </xdr:nvSpPr>
      <xdr:spPr bwMode="auto">
        <a:xfrm>
          <a:off x="0" y="4098607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35</xdr:row>
      <xdr:rowOff>0</xdr:rowOff>
    </xdr:from>
    <xdr:to>
      <xdr:col>2</xdr:col>
      <xdr:colOff>0</xdr:colOff>
      <xdr:row>237</xdr:row>
      <xdr:rowOff>0</xdr:rowOff>
    </xdr:to>
    <xdr:sp macro="" textlink="">
      <xdr:nvSpPr>
        <xdr:cNvPr id="14" name="Line 21"/>
        <xdr:cNvSpPr>
          <a:spLocks noChangeShapeType="1"/>
        </xdr:cNvSpPr>
      </xdr:nvSpPr>
      <xdr:spPr bwMode="auto">
        <a:xfrm>
          <a:off x="0" y="481012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42</xdr:row>
      <xdr:rowOff>0</xdr:rowOff>
    </xdr:from>
    <xdr:to>
      <xdr:col>2</xdr:col>
      <xdr:colOff>0</xdr:colOff>
      <xdr:row>244</xdr:row>
      <xdr:rowOff>0</xdr:rowOff>
    </xdr:to>
    <xdr:sp macro="" textlink="">
      <xdr:nvSpPr>
        <xdr:cNvPr id="15" name="Line 23"/>
        <xdr:cNvSpPr>
          <a:spLocks noChangeShapeType="1"/>
        </xdr:cNvSpPr>
      </xdr:nvSpPr>
      <xdr:spPr bwMode="auto">
        <a:xfrm>
          <a:off x="0" y="498443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54</xdr:row>
      <xdr:rowOff>0</xdr:rowOff>
    </xdr:from>
    <xdr:to>
      <xdr:col>2</xdr:col>
      <xdr:colOff>0</xdr:colOff>
      <xdr:row>256</xdr:row>
      <xdr:rowOff>0</xdr:rowOff>
    </xdr:to>
    <xdr:sp macro="" textlink="">
      <xdr:nvSpPr>
        <xdr:cNvPr id="16" name="Line 24"/>
        <xdr:cNvSpPr>
          <a:spLocks noChangeShapeType="1"/>
        </xdr:cNvSpPr>
      </xdr:nvSpPr>
      <xdr:spPr bwMode="auto">
        <a:xfrm>
          <a:off x="0" y="524446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68</xdr:row>
      <xdr:rowOff>0</xdr:rowOff>
    </xdr:from>
    <xdr:to>
      <xdr:col>2</xdr:col>
      <xdr:colOff>0</xdr:colOff>
      <xdr:row>270</xdr:row>
      <xdr:rowOff>0</xdr:rowOff>
    </xdr:to>
    <xdr:sp macro="" textlink="">
      <xdr:nvSpPr>
        <xdr:cNvPr id="17" name="Line 26"/>
        <xdr:cNvSpPr>
          <a:spLocks noChangeShapeType="1"/>
        </xdr:cNvSpPr>
      </xdr:nvSpPr>
      <xdr:spPr bwMode="auto">
        <a:xfrm>
          <a:off x="0" y="5538787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77</xdr:row>
      <xdr:rowOff>0</xdr:rowOff>
    </xdr:from>
    <xdr:to>
      <xdr:col>2</xdr:col>
      <xdr:colOff>0</xdr:colOff>
      <xdr:row>279</xdr:row>
      <xdr:rowOff>0</xdr:rowOff>
    </xdr:to>
    <xdr:sp macro="" textlink="">
      <xdr:nvSpPr>
        <xdr:cNvPr id="18" name="Line 28"/>
        <xdr:cNvSpPr>
          <a:spLocks noChangeShapeType="1"/>
        </xdr:cNvSpPr>
      </xdr:nvSpPr>
      <xdr:spPr bwMode="auto">
        <a:xfrm>
          <a:off x="0" y="574738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88</xdr:row>
      <xdr:rowOff>0</xdr:rowOff>
    </xdr:from>
    <xdr:to>
      <xdr:col>2</xdr:col>
      <xdr:colOff>0</xdr:colOff>
      <xdr:row>290</xdr:row>
      <xdr:rowOff>0</xdr:rowOff>
    </xdr:to>
    <xdr:sp macro="" textlink="">
      <xdr:nvSpPr>
        <xdr:cNvPr id="19" name="Line 29"/>
        <xdr:cNvSpPr>
          <a:spLocks noChangeShapeType="1"/>
        </xdr:cNvSpPr>
      </xdr:nvSpPr>
      <xdr:spPr bwMode="auto">
        <a:xfrm>
          <a:off x="0" y="599027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300</xdr:row>
      <xdr:rowOff>0</xdr:rowOff>
    </xdr:from>
    <xdr:to>
      <xdr:col>2</xdr:col>
      <xdr:colOff>0</xdr:colOff>
      <xdr:row>302</xdr:row>
      <xdr:rowOff>0</xdr:rowOff>
    </xdr:to>
    <xdr:sp macro="" textlink="">
      <xdr:nvSpPr>
        <xdr:cNvPr id="20" name="Line 30"/>
        <xdr:cNvSpPr>
          <a:spLocks noChangeShapeType="1"/>
        </xdr:cNvSpPr>
      </xdr:nvSpPr>
      <xdr:spPr bwMode="auto">
        <a:xfrm>
          <a:off x="0" y="625030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317</xdr:row>
      <xdr:rowOff>0</xdr:rowOff>
    </xdr:from>
    <xdr:to>
      <xdr:col>2</xdr:col>
      <xdr:colOff>0</xdr:colOff>
      <xdr:row>319</xdr:row>
      <xdr:rowOff>0</xdr:rowOff>
    </xdr:to>
    <xdr:sp macro="" textlink="">
      <xdr:nvSpPr>
        <xdr:cNvPr id="21" name="Line 31"/>
        <xdr:cNvSpPr>
          <a:spLocks noChangeShapeType="1"/>
        </xdr:cNvSpPr>
      </xdr:nvSpPr>
      <xdr:spPr bwMode="auto">
        <a:xfrm>
          <a:off x="0" y="659606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329</xdr:row>
      <xdr:rowOff>0</xdr:rowOff>
    </xdr:from>
    <xdr:to>
      <xdr:col>2</xdr:col>
      <xdr:colOff>0</xdr:colOff>
      <xdr:row>331</xdr:row>
      <xdr:rowOff>0</xdr:rowOff>
    </xdr:to>
    <xdr:sp macro="" textlink="">
      <xdr:nvSpPr>
        <xdr:cNvPr id="22" name="Line 32"/>
        <xdr:cNvSpPr>
          <a:spLocks noChangeShapeType="1"/>
        </xdr:cNvSpPr>
      </xdr:nvSpPr>
      <xdr:spPr bwMode="auto">
        <a:xfrm>
          <a:off x="0" y="685609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346</xdr:row>
      <xdr:rowOff>0</xdr:rowOff>
    </xdr:from>
    <xdr:to>
      <xdr:col>2</xdr:col>
      <xdr:colOff>0</xdr:colOff>
      <xdr:row>348</xdr:row>
      <xdr:rowOff>0</xdr:rowOff>
    </xdr:to>
    <xdr:sp macro="" textlink="">
      <xdr:nvSpPr>
        <xdr:cNvPr id="23" name="Line 33"/>
        <xdr:cNvSpPr>
          <a:spLocks noChangeShapeType="1"/>
        </xdr:cNvSpPr>
      </xdr:nvSpPr>
      <xdr:spPr bwMode="auto">
        <a:xfrm>
          <a:off x="0" y="720185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358</xdr:row>
      <xdr:rowOff>0</xdr:rowOff>
    </xdr:from>
    <xdr:to>
      <xdr:col>2</xdr:col>
      <xdr:colOff>0</xdr:colOff>
      <xdr:row>360</xdr:row>
      <xdr:rowOff>0</xdr:rowOff>
    </xdr:to>
    <xdr:sp macro="" textlink="">
      <xdr:nvSpPr>
        <xdr:cNvPr id="24" name="Line 34"/>
        <xdr:cNvSpPr>
          <a:spLocks noChangeShapeType="1"/>
        </xdr:cNvSpPr>
      </xdr:nvSpPr>
      <xdr:spPr bwMode="auto">
        <a:xfrm>
          <a:off x="0" y="746188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371</xdr:row>
      <xdr:rowOff>0</xdr:rowOff>
    </xdr:from>
    <xdr:to>
      <xdr:col>2</xdr:col>
      <xdr:colOff>0</xdr:colOff>
      <xdr:row>373</xdr:row>
      <xdr:rowOff>0</xdr:rowOff>
    </xdr:to>
    <xdr:sp macro="" textlink="">
      <xdr:nvSpPr>
        <xdr:cNvPr id="25" name="Line 35"/>
        <xdr:cNvSpPr>
          <a:spLocks noChangeShapeType="1"/>
        </xdr:cNvSpPr>
      </xdr:nvSpPr>
      <xdr:spPr bwMode="auto">
        <a:xfrm>
          <a:off x="0" y="773906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379</xdr:row>
      <xdr:rowOff>0</xdr:rowOff>
    </xdr:from>
    <xdr:to>
      <xdr:col>2</xdr:col>
      <xdr:colOff>0</xdr:colOff>
      <xdr:row>381</xdr:row>
      <xdr:rowOff>0</xdr:rowOff>
    </xdr:to>
    <xdr:sp macro="" textlink="">
      <xdr:nvSpPr>
        <xdr:cNvPr id="26" name="Line 36"/>
        <xdr:cNvSpPr>
          <a:spLocks noChangeShapeType="1"/>
        </xdr:cNvSpPr>
      </xdr:nvSpPr>
      <xdr:spPr bwMode="auto">
        <a:xfrm>
          <a:off x="0" y="793051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389</xdr:row>
      <xdr:rowOff>0</xdr:rowOff>
    </xdr:from>
    <xdr:to>
      <xdr:col>2</xdr:col>
      <xdr:colOff>0</xdr:colOff>
      <xdr:row>391</xdr:row>
      <xdr:rowOff>0</xdr:rowOff>
    </xdr:to>
    <xdr:sp macro="" textlink="">
      <xdr:nvSpPr>
        <xdr:cNvPr id="27" name="Line 37"/>
        <xdr:cNvSpPr>
          <a:spLocks noChangeShapeType="1"/>
        </xdr:cNvSpPr>
      </xdr:nvSpPr>
      <xdr:spPr bwMode="auto">
        <a:xfrm>
          <a:off x="0" y="8156257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396</xdr:row>
      <xdr:rowOff>0</xdr:rowOff>
    </xdr:from>
    <xdr:to>
      <xdr:col>2</xdr:col>
      <xdr:colOff>0</xdr:colOff>
      <xdr:row>398</xdr:row>
      <xdr:rowOff>0</xdr:rowOff>
    </xdr:to>
    <xdr:sp macro="" textlink="">
      <xdr:nvSpPr>
        <xdr:cNvPr id="28" name="Line 39"/>
        <xdr:cNvSpPr>
          <a:spLocks noChangeShapeType="1"/>
        </xdr:cNvSpPr>
      </xdr:nvSpPr>
      <xdr:spPr bwMode="auto">
        <a:xfrm>
          <a:off x="0" y="833056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08</xdr:row>
      <xdr:rowOff>0</xdr:rowOff>
    </xdr:from>
    <xdr:to>
      <xdr:col>2</xdr:col>
      <xdr:colOff>0</xdr:colOff>
      <xdr:row>410</xdr:row>
      <xdr:rowOff>0</xdr:rowOff>
    </xdr:to>
    <xdr:sp macro="" textlink="">
      <xdr:nvSpPr>
        <xdr:cNvPr id="29" name="Line 41"/>
        <xdr:cNvSpPr>
          <a:spLocks noChangeShapeType="1"/>
        </xdr:cNvSpPr>
      </xdr:nvSpPr>
      <xdr:spPr bwMode="auto">
        <a:xfrm>
          <a:off x="0" y="8590597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23</xdr:row>
      <xdr:rowOff>0</xdr:rowOff>
    </xdr:from>
    <xdr:to>
      <xdr:col>2</xdr:col>
      <xdr:colOff>0</xdr:colOff>
      <xdr:row>425</xdr:row>
      <xdr:rowOff>0</xdr:rowOff>
    </xdr:to>
    <xdr:sp macro="" textlink="">
      <xdr:nvSpPr>
        <xdr:cNvPr id="30" name="Line 42"/>
        <xdr:cNvSpPr>
          <a:spLocks noChangeShapeType="1"/>
        </xdr:cNvSpPr>
      </xdr:nvSpPr>
      <xdr:spPr bwMode="auto">
        <a:xfrm>
          <a:off x="0" y="890206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36</xdr:row>
      <xdr:rowOff>0</xdr:rowOff>
    </xdr:from>
    <xdr:to>
      <xdr:col>2</xdr:col>
      <xdr:colOff>0</xdr:colOff>
      <xdr:row>438</xdr:row>
      <xdr:rowOff>0</xdr:rowOff>
    </xdr:to>
    <xdr:sp macro="" textlink="">
      <xdr:nvSpPr>
        <xdr:cNvPr id="31" name="Line 43"/>
        <xdr:cNvSpPr>
          <a:spLocks noChangeShapeType="1"/>
        </xdr:cNvSpPr>
      </xdr:nvSpPr>
      <xdr:spPr bwMode="auto">
        <a:xfrm>
          <a:off x="0" y="917924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55</xdr:row>
      <xdr:rowOff>0</xdr:rowOff>
    </xdr:from>
    <xdr:to>
      <xdr:col>2</xdr:col>
      <xdr:colOff>0</xdr:colOff>
      <xdr:row>457</xdr:row>
      <xdr:rowOff>0</xdr:rowOff>
    </xdr:to>
    <xdr:sp macro="" textlink="">
      <xdr:nvSpPr>
        <xdr:cNvPr id="32" name="Line 45"/>
        <xdr:cNvSpPr>
          <a:spLocks noChangeShapeType="1"/>
        </xdr:cNvSpPr>
      </xdr:nvSpPr>
      <xdr:spPr bwMode="auto">
        <a:xfrm>
          <a:off x="0" y="956024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70</xdr:row>
      <xdr:rowOff>0</xdr:rowOff>
    </xdr:from>
    <xdr:to>
      <xdr:col>2</xdr:col>
      <xdr:colOff>0</xdr:colOff>
      <xdr:row>472</xdr:row>
      <xdr:rowOff>0</xdr:rowOff>
    </xdr:to>
    <xdr:sp macro="" textlink="">
      <xdr:nvSpPr>
        <xdr:cNvPr id="33" name="Line 46"/>
        <xdr:cNvSpPr>
          <a:spLocks noChangeShapeType="1"/>
        </xdr:cNvSpPr>
      </xdr:nvSpPr>
      <xdr:spPr bwMode="auto">
        <a:xfrm>
          <a:off x="0" y="9871710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86</xdr:row>
      <xdr:rowOff>0</xdr:rowOff>
    </xdr:from>
    <xdr:to>
      <xdr:col>2</xdr:col>
      <xdr:colOff>0</xdr:colOff>
      <xdr:row>488</xdr:row>
      <xdr:rowOff>0</xdr:rowOff>
    </xdr:to>
    <xdr:sp macro="" textlink="">
      <xdr:nvSpPr>
        <xdr:cNvPr id="40" name="Line 46"/>
        <xdr:cNvSpPr>
          <a:spLocks noChangeShapeType="1"/>
        </xdr:cNvSpPr>
      </xdr:nvSpPr>
      <xdr:spPr bwMode="auto">
        <a:xfrm>
          <a:off x="0" y="1020032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86</xdr:row>
      <xdr:rowOff>0</xdr:rowOff>
    </xdr:from>
    <xdr:to>
      <xdr:col>2</xdr:col>
      <xdr:colOff>0</xdr:colOff>
      <xdr:row>488</xdr:row>
      <xdr:rowOff>0</xdr:rowOff>
    </xdr:to>
    <xdr:sp macro="" textlink="">
      <xdr:nvSpPr>
        <xdr:cNvPr id="41" name="Line 46"/>
        <xdr:cNvSpPr>
          <a:spLocks noChangeShapeType="1"/>
        </xdr:cNvSpPr>
      </xdr:nvSpPr>
      <xdr:spPr bwMode="auto">
        <a:xfrm>
          <a:off x="0" y="1020032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139</xdr:row>
      <xdr:rowOff>0</xdr:rowOff>
    </xdr:from>
    <xdr:to>
      <xdr:col>2</xdr:col>
      <xdr:colOff>0</xdr:colOff>
      <xdr:row>141</xdr:row>
      <xdr:rowOff>0</xdr:rowOff>
    </xdr:to>
    <xdr:sp macro="" textlink="">
      <xdr:nvSpPr>
        <xdr:cNvPr id="42" name="Line 11"/>
        <xdr:cNvSpPr>
          <a:spLocks noChangeShapeType="1"/>
        </xdr:cNvSpPr>
      </xdr:nvSpPr>
      <xdr:spPr bwMode="auto">
        <a:xfrm>
          <a:off x="0" y="272986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152</xdr:row>
      <xdr:rowOff>0</xdr:rowOff>
    </xdr:from>
    <xdr:to>
      <xdr:col>2</xdr:col>
      <xdr:colOff>0</xdr:colOff>
      <xdr:row>154</xdr:row>
      <xdr:rowOff>0</xdr:rowOff>
    </xdr:to>
    <xdr:sp macro="" textlink="">
      <xdr:nvSpPr>
        <xdr:cNvPr id="43" name="Line 12"/>
        <xdr:cNvSpPr>
          <a:spLocks noChangeShapeType="1"/>
        </xdr:cNvSpPr>
      </xdr:nvSpPr>
      <xdr:spPr bwMode="auto">
        <a:xfrm>
          <a:off x="0" y="300704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170</xdr:row>
      <xdr:rowOff>0</xdr:rowOff>
    </xdr:from>
    <xdr:to>
      <xdr:col>2</xdr:col>
      <xdr:colOff>0</xdr:colOff>
      <xdr:row>172</xdr:row>
      <xdr:rowOff>0</xdr:rowOff>
    </xdr:to>
    <xdr:sp macro="" textlink="">
      <xdr:nvSpPr>
        <xdr:cNvPr id="44" name="Line 18"/>
        <xdr:cNvSpPr>
          <a:spLocks noChangeShapeType="1"/>
        </xdr:cNvSpPr>
      </xdr:nvSpPr>
      <xdr:spPr bwMode="auto">
        <a:xfrm>
          <a:off x="0" y="336994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14</xdr:row>
      <xdr:rowOff>0</xdr:rowOff>
    </xdr:from>
    <xdr:to>
      <xdr:col>2</xdr:col>
      <xdr:colOff>0</xdr:colOff>
      <xdr:row>216</xdr:row>
      <xdr:rowOff>0</xdr:rowOff>
    </xdr:to>
    <xdr:sp macro="" textlink="">
      <xdr:nvSpPr>
        <xdr:cNvPr id="45" name="Line 18"/>
        <xdr:cNvSpPr>
          <a:spLocks noChangeShapeType="1"/>
        </xdr:cNvSpPr>
      </xdr:nvSpPr>
      <xdr:spPr bwMode="auto">
        <a:xfrm>
          <a:off x="0" y="434149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224</xdr:row>
      <xdr:rowOff>0</xdr:rowOff>
    </xdr:from>
    <xdr:to>
      <xdr:col>2</xdr:col>
      <xdr:colOff>0</xdr:colOff>
      <xdr:row>226</xdr:row>
      <xdr:rowOff>0</xdr:rowOff>
    </xdr:to>
    <xdr:sp macro="" textlink="">
      <xdr:nvSpPr>
        <xdr:cNvPr id="46" name="Line 18"/>
        <xdr:cNvSpPr>
          <a:spLocks noChangeShapeType="1"/>
        </xdr:cNvSpPr>
      </xdr:nvSpPr>
      <xdr:spPr bwMode="auto">
        <a:xfrm>
          <a:off x="0" y="4567237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502</xdr:row>
      <xdr:rowOff>0</xdr:rowOff>
    </xdr:from>
    <xdr:to>
      <xdr:col>2</xdr:col>
      <xdr:colOff>0</xdr:colOff>
      <xdr:row>504</xdr:row>
      <xdr:rowOff>0</xdr:rowOff>
    </xdr:to>
    <xdr:sp macro="" textlink="">
      <xdr:nvSpPr>
        <xdr:cNvPr id="47" name="Line 46"/>
        <xdr:cNvSpPr>
          <a:spLocks noChangeShapeType="1"/>
        </xdr:cNvSpPr>
      </xdr:nvSpPr>
      <xdr:spPr bwMode="auto">
        <a:xfrm>
          <a:off x="0" y="1052893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502</xdr:row>
      <xdr:rowOff>0</xdr:rowOff>
    </xdr:from>
    <xdr:to>
      <xdr:col>2</xdr:col>
      <xdr:colOff>0</xdr:colOff>
      <xdr:row>504</xdr:row>
      <xdr:rowOff>0</xdr:rowOff>
    </xdr:to>
    <xdr:sp macro="" textlink="">
      <xdr:nvSpPr>
        <xdr:cNvPr id="48" name="Line 46"/>
        <xdr:cNvSpPr>
          <a:spLocks noChangeShapeType="1"/>
        </xdr:cNvSpPr>
      </xdr:nvSpPr>
      <xdr:spPr bwMode="auto">
        <a:xfrm>
          <a:off x="0" y="1052893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518</xdr:row>
      <xdr:rowOff>0</xdr:rowOff>
    </xdr:from>
    <xdr:to>
      <xdr:col>2</xdr:col>
      <xdr:colOff>0</xdr:colOff>
      <xdr:row>520</xdr:row>
      <xdr:rowOff>0</xdr:rowOff>
    </xdr:to>
    <xdr:sp macro="" textlink="">
      <xdr:nvSpPr>
        <xdr:cNvPr id="49" name="Line 46"/>
        <xdr:cNvSpPr>
          <a:spLocks noChangeShapeType="1"/>
        </xdr:cNvSpPr>
      </xdr:nvSpPr>
      <xdr:spPr bwMode="auto">
        <a:xfrm>
          <a:off x="0" y="10857547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518</xdr:row>
      <xdr:rowOff>0</xdr:rowOff>
    </xdr:from>
    <xdr:to>
      <xdr:col>2</xdr:col>
      <xdr:colOff>0</xdr:colOff>
      <xdr:row>520</xdr:row>
      <xdr:rowOff>0</xdr:rowOff>
    </xdr:to>
    <xdr:sp macro="" textlink="">
      <xdr:nvSpPr>
        <xdr:cNvPr id="50" name="Line 46"/>
        <xdr:cNvSpPr>
          <a:spLocks noChangeShapeType="1"/>
        </xdr:cNvSpPr>
      </xdr:nvSpPr>
      <xdr:spPr bwMode="auto">
        <a:xfrm>
          <a:off x="0" y="10857547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533</xdr:row>
      <xdr:rowOff>0</xdr:rowOff>
    </xdr:from>
    <xdr:to>
      <xdr:col>2</xdr:col>
      <xdr:colOff>0</xdr:colOff>
      <xdr:row>535</xdr:row>
      <xdr:rowOff>0</xdr:rowOff>
    </xdr:to>
    <xdr:sp macro="" textlink="">
      <xdr:nvSpPr>
        <xdr:cNvPr id="51" name="Line 36"/>
        <xdr:cNvSpPr>
          <a:spLocks noChangeShapeType="1"/>
        </xdr:cNvSpPr>
      </xdr:nvSpPr>
      <xdr:spPr bwMode="auto">
        <a:xfrm>
          <a:off x="0" y="1116901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550</xdr:row>
      <xdr:rowOff>0</xdr:rowOff>
    </xdr:from>
    <xdr:to>
      <xdr:col>2</xdr:col>
      <xdr:colOff>0</xdr:colOff>
      <xdr:row>552</xdr:row>
      <xdr:rowOff>0</xdr:rowOff>
    </xdr:to>
    <xdr:sp macro="" textlink="">
      <xdr:nvSpPr>
        <xdr:cNvPr id="52" name="Line 36"/>
        <xdr:cNvSpPr>
          <a:spLocks noChangeShapeType="1"/>
        </xdr:cNvSpPr>
      </xdr:nvSpPr>
      <xdr:spPr bwMode="auto">
        <a:xfrm>
          <a:off x="0" y="1151477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199792</xdr:colOff>
      <xdr:row>359</xdr:row>
      <xdr:rowOff>462474</xdr:rowOff>
    </xdr:from>
    <xdr:to>
      <xdr:col>11</xdr:col>
      <xdr:colOff>616987</xdr:colOff>
      <xdr:row>359</xdr:row>
      <xdr:rowOff>462474</xdr:rowOff>
    </xdr:to>
    <xdr:cxnSp macro="">
      <xdr:nvCxnSpPr>
        <xdr:cNvPr id="58" name="AutoShape 269"/>
        <xdr:cNvCxnSpPr>
          <a:cxnSpLocks noChangeShapeType="1"/>
        </xdr:cNvCxnSpPr>
      </xdr:nvCxnSpPr>
      <xdr:spPr bwMode="auto">
        <a:xfrm>
          <a:off x="9791467" y="75252774"/>
          <a:ext cx="41719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xdr:spPr>
    </xdr:cxnSp>
    <xdr:clientData/>
  </xdr:twoCellAnchor>
  <xdr:twoCellAnchor>
    <xdr:from>
      <xdr:col>0</xdr:col>
      <xdr:colOff>38100</xdr:colOff>
      <xdr:row>2</xdr:row>
      <xdr:rowOff>28575</xdr:rowOff>
    </xdr:from>
    <xdr:to>
      <xdr:col>1</xdr:col>
      <xdr:colOff>2085975</xdr:colOff>
      <xdr:row>3</xdr:row>
      <xdr:rowOff>161925</xdr:rowOff>
    </xdr:to>
    <xdr:sp macro="" textlink="">
      <xdr:nvSpPr>
        <xdr:cNvPr id="59" name="Line 1"/>
        <xdr:cNvSpPr>
          <a:spLocks noChangeShapeType="1"/>
        </xdr:cNvSpPr>
      </xdr:nvSpPr>
      <xdr:spPr bwMode="auto">
        <a:xfrm>
          <a:off x="38100" y="381000"/>
          <a:ext cx="2371725" cy="3048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3</xdr:row>
      <xdr:rowOff>0</xdr:rowOff>
    </xdr:from>
    <xdr:to>
      <xdr:col>2</xdr:col>
      <xdr:colOff>0</xdr:colOff>
      <xdr:row>45</xdr:row>
      <xdr:rowOff>0</xdr:rowOff>
    </xdr:to>
    <xdr:sp macro="" textlink="">
      <xdr:nvSpPr>
        <xdr:cNvPr id="60" name="Line 4"/>
        <xdr:cNvSpPr>
          <a:spLocks noChangeShapeType="1"/>
        </xdr:cNvSpPr>
      </xdr:nvSpPr>
      <xdr:spPr bwMode="auto">
        <a:xfrm>
          <a:off x="0" y="352425"/>
          <a:ext cx="2476500" cy="3524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65</xdr:row>
      <xdr:rowOff>0</xdr:rowOff>
    </xdr:from>
    <xdr:to>
      <xdr:col>2</xdr:col>
      <xdr:colOff>0</xdr:colOff>
      <xdr:row>67</xdr:row>
      <xdr:rowOff>0</xdr:rowOff>
    </xdr:to>
    <xdr:sp macro="" textlink="">
      <xdr:nvSpPr>
        <xdr:cNvPr id="61" name="Line 3"/>
        <xdr:cNvSpPr>
          <a:spLocks noChangeShapeType="1"/>
        </xdr:cNvSpPr>
      </xdr:nvSpPr>
      <xdr:spPr bwMode="auto">
        <a:xfrm>
          <a:off x="0" y="8963025"/>
          <a:ext cx="2476500" cy="8477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560</xdr:row>
      <xdr:rowOff>0</xdr:rowOff>
    </xdr:from>
    <xdr:to>
      <xdr:col>2</xdr:col>
      <xdr:colOff>0</xdr:colOff>
      <xdr:row>562</xdr:row>
      <xdr:rowOff>0</xdr:rowOff>
    </xdr:to>
    <xdr:sp macro="" textlink="">
      <xdr:nvSpPr>
        <xdr:cNvPr id="62" name="Line 48"/>
        <xdr:cNvSpPr>
          <a:spLocks noChangeShapeType="1"/>
        </xdr:cNvSpPr>
      </xdr:nvSpPr>
      <xdr:spPr bwMode="auto">
        <a:xfrm>
          <a:off x="0" y="352425"/>
          <a:ext cx="2476500" cy="3524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601</xdr:row>
      <xdr:rowOff>0</xdr:rowOff>
    </xdr:from>
    <xdr:to>
      <xdr:col>2</xdr:col>
      <xdr:colOff>0</xdr:colOff>
      <xdr:row>603</xdr:row>
      <xdr:rowOff>0</xdr:rowOff>
    </xdr:to>
    <xdr:sp macro="" textlink="">
      <xdr:nvSpPr>
        <xdr:cNvPr id="63" name="Line 49"/>
        <xdr:cNvSpPr>
          <a:spLocks noChangeShapeType="1"/>
        </xdr:cNvSpPr>
      </xdr:nvSpPr>
      <xdr:spPr bwMode="auto">
        <a:xfrm>
          <a:off x="0" y="352425"/>
          <a:ext cx="2476500" cy="3524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624</xdr:row>
      <xdr:rowOff>0</xdr:rowOff>
    </xdr:from>
    <xdr:to>
      <xdr:col>2</xdr:col>
      <xdr:colOff>0</xdr:colOff>
      <xdr:row>626</xdr:row>
      <xdr:rowOff>0</xdr:rowOff>
    </xdr:to>
    <xdr:sp macro="" textlink="">
      <xdr:nvSpPr>
        <xdr:cNvPr id="64" name="Line 50"/>
        <xdr:cNvSpPr>
          <a:spLocks noChangeShapeType="1"/>
        </xdr:cNvSpPr>
      </xdr:nvSpPr>
      <xdr:spPr bwMode="auto">
        <a:xfrm>
          <a:off x="0" y="35242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635</xdr:row>
      <xdr:rowOff>0</xdr:rowOff>
    </xdr:from>
    <xdr:to>
      <xdr:col>2</xdr:col>
      <xdr:colOff>0</xdr:colOff>
      <xdr:row>637</xdr:row>
      <xdr:rowOff>0</xdr:rowOff>
    </xdr:to>
    <xdr:sp macro="" textlink="">
      <xdr:nvSpPr>
        <xdr:cNvPr id="65" name="Line 52"/>
        <xdr:cNvSpPr>
          <a:spLocks noChangeShapeType="1"/>
        </xdr:cNvSpPr>
      </xdr:nvSpPr>
      <xdr:spPr bwMode="auto">
        <a:xfrm>
          <a:off x="0" y="40576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657</xdr:row>
      <xdr:rowOff>0</xdr:rowOff>
    </xdr:from>
    <xdr:to>
      <xdr:col>2</xdr:col>
      <xdr:colOff>0</xdr:colOff>
      <xdr:row>659</xdr:row>
      <xdr:rowOff>0</xdr:rowOff>
    </xdr:to>
    <xdr:sp macro="" textlink="">
      <xdr:nvSpPr>
        <xdr:cNvPr id="66" name="Line 53"/>
        <xdr:cNvSpPr>
          <a:spLocks noChangeShapeType="1"/>
        </xdr:cNvSpPr>
      </xdr:nvSpPr>
      <xdr:spPr bwMode="auto">
        <a:xfrm>
          <a:off x="0" y="1146810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646</xdr:row>
      <xdr:rowOff>0</xdr:rowOff>
    </xdr:from>
    <xdr:to>
      <xdr:col>2</xdr:col>
      <xdr:colOff>0</xdr:colOff>
      <xdr:row>648</xdr:row>
      <xdr:rowOff>0</xdr:rowOff>
    </xdr:to>
    <xdr:sp macro="" textlink="">
      <xdr:nvSpPr>
        <xdr:cNvPr id="67" name="Line 54"/>
        <xdr:cNvSpPr>
          <a:spLocks noChangeShapeType="1"/>
        </xdr:cNvSpPr>
      </xdr:nvSpPr>
      <xdr:spPr bwMode="auto">
        <a:xfrm>
          <a:off x="0" y="7762875"/>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666</xdr:row>
      <xdr:rowOff>0</xdr:rowOff>
    </xdr:from>
    <xdr:to>
      <xdr:col>2</xdr:col>
      <xdr:colOff>0</xdr:colOff>
      <xdr:row>668</xdr:row>
      <xdr:rowOff>0</xdr:rowOff>
    </xdr:to>
    <xdr:sp macro="" textlink="">
      <xdr:nvSpPr>
        <xdr:cNvPr id="68" name="Line 36"/>
        <xdr:cNvSpPr>
          <a:spLocks noChangeShapeType="1"/>
        </xdr:cNvSpPr>
      </xdr:nvSpPr>
      <xdr:spPr bwMode="auto">
        <a:xfrm>
          <a:off x="0" y="14573250"/>
          <a:ext cx="2476500" cy="8667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678"/>
  <sheetViews>
    <sheetView tabSelected="1" view="pageBreakPreview" zoomScale="80" zoomScaleNormal="70" zoomScaleSheetLayoutView="80" workbookViewId="0"/>
  </sheetViews>
  <sheetFormatPr defaultRowHeight="13.5" x14ac:dyDescent="0.15"/>
  <cols>
    <col min="1" max="1" width="4.25" style="1" customWidth="1"/>
    <col min="2" max="2" width="28.25" style="1" customWidth="1"/>
    <col min="3" max="23" width="10.375" style="1" customWidth="1"/>
    <col min="24" max="16384" width="9" style="1"/>
  </cols>
  <sheetData>
    <row r="1" spans="1:12" x14ac:dyDescent="0.15">
      <c r="A1" s="244" t="s">
        <v>0</v>
      </c>
    </row>
    <row r="2" spans="1:12" ht="14.25" thickBot="1" x14ac:dyDescent="0.2">
      <c r="L2" s="3" t="s">
        <v>14</v>
      </c>
    </row>
    <row r="3" spans="1:12" x14ac:dyDescent="0.15">
      <c r="A3" s="229"/>
      <c r="B3" s="232" t="s">
        <v>15</v>
      </c>
      <c r="C3" s="229" t="s">
        <v>16</v>
      </c>
      <c r="D3" s="230"/>
      <c r="E3" s="231" t="s">
        <v>17</v>
      </c>
      <c r="F3" s="230"/>
      <c r="G3" s="231" t="s">
        <v>18</v>
      </c>
      <c r="H3" s="230"/>
      <c r="I3" s="231" t="s">
        <v>1</v>
      </c>
      <c r="J3" s="230"/>
      <c r="K3" s="232" t="s">
        <v>19</v>
      </c>
      <c r="L3" s="233"/>
    </row>
    <row r="4" spans="1:12" ht="14.25" thickBot="1" x14ac:dyDescent="0.2">
      <c r="A4" s="226" t="s">
        <v>20</v>
      </c>
      <c r="B4" s="227"/>
      <c r="C4" s="234"/>
      <c r="D4" s="235" t="s">
        <v>21</v>
      </c>
      <c r="E4" s="236"/>
      <c r="F4" s="235" t="s">
        <v>21</v>
      </c>
      <c r="G4" s="236"/>
      <c r="H4" s="235" t="s">
        <v>21</v>
      </c>
      <c r="I4" s="236"/>
      <c r="J4" s="235" t="s">
        <v>21</v>
      </c>
      <c r="K4" s="237"/>
      <c r="L4" s="238" t="s">
        <v>21</v>
      </c>
    </row>
    <row r="5" spans="1:12" x14ac:dyDescent="0.15">
      <c r="A5" s="229" t="s">
        <v>22</v>
      </c>
      <c r="B5" s="233" t="s">
        <v>23</v>
      </c>
      <c r="C5" s="245" t="s">
        <v>414</v>
      </c>
      <c r="D5" s="246" t="s">
        <v>413</v>
      </c>
      <c r="E5" s="247" t="s">
        <v>413</v>
      </c>
      <c r="F5" s="246" t="s">
        <v>413</v>
      </c>
      <c r="G5" s="247" t="s">
        <v>412</v>
      </c>
      <c r="H5" s="246"/>
      <c r="I5" s="247" t="s">
        <v>412</v>
      </c>
      <c r="J5" s="246"/>
      <c r="K5" s="248">
        <v>11</v>
      </c>
      <c r="L5" s="220">
        <v>100</v>
      </c>
    </row>
    <row r="6" spans="1:12" x14ac:dyDescent="0.15">
      <c r="A6" s="219"/>
      <c r="B6" s="239"/>
      <c r="C6" s="249"/>
      <c r="D6" s="250" t="s">
        <v>413</v>
      </c>
      <c r="E6" s="251"/>
      <c r="F6" s="250" t="s">
        <v>413</v>
      </c>
      <c r="G6" s="251"/>
      <c r="H6" s="250"/>
      <c r="I6" s="251"/>
      <c r="J6" s="250"/>
      <c r="K6" s="252"/>
      <c r="L6" s="222">
        <v>0.91590341382181517</v>
      </c>
    </row>
    <row r="7" spans="1:12" x14ac:dyDescent="0.15">
      <c r="A7" s="223" t="s">
        <v>24</v>
      </c>
      <c r="B7" s="240" t="s">
        <v>25</v>
      </c>
      <c r="C7" s="253">
        <v>70</v>
      </c>
      <c r="D7" s="250">
        <v>60.344827586206897</v>
      </c>
      <c r="E7" s="254">
        <v>39</v>
      </c>
      <c r="F7" s="250">
        <v>33.620689655172413</v>
      </c>
      <c r="G7" s="254">
        <v>7</v>
      </c>
      <c r="H7" s="250">
        <v>6.0344827586206895</v>
      </c>
      <c r="I7" s="254" t="s">
        <v>412</v>
      </c>
      <c r="J7" s="250"/>
      <c r="K7" s="255">
        <v>116</v>
      </c>
      <c r="L7" s="224">
        <v>99.999999999999986</v>
      </c>
    </row>
    <row r="8" spans="1:12" x14ac:dyDescent="0.15">
      <c r="A8" s="221"/>
      <c r="B8" s="239"/>
      <c r="C8" s="249"/>
      <c r="D8" s="250">
        <v>9.6551724137931032</v>
      </c>
      <c r="E8" s="251"/>
      <c r="F8" s="250">
        <v>11.271676300578035</v>
      </c>
      <c r="G8" s="251"/>
      <c r="H8" s="250">
        <v>6.7961165048543686</v>
      </c>
      <c r="I8" s="251"/>
      <c r="J8" s="250"/>
      <c r="K8" s="252"/>
      <c r="L8" s="222">
        <v>9.658617818484597</v>
      </c>
    </row>
    <row r="9" spans="1:12" x14ac:dyDescent="0.15">
      <c r="A9" s="223" t="s">
        <v>26</v>
      </c>
      <c r="B9" s="240" t="s">
        <v>27</v>
      </c>
      <c r="C9" s="253">
        <v>62</v>
      </c>
      <c r="D9" s="250">
        <v>43.356643356643353</v>
      </c>
      <c r="E9" s="254">
        <v>39</v>
      </c>
      <c r="F9" s="250">
        <v>27.27272727272727</v>
      </c>
      <c r="G9" s="254">
        <v>30</v>
      </c>
      <c r="H9" s="250">
        <v>20.97902097902098</v>
      </c>
      <c r="I9" s="254">
        <v>12</v>
      </c>
      <c r="J9" s="250">
        <v>8.3916083916083917</v>
      </c>
      <c r="K9" s="255">
        <v>143</v>
      </c>
      <c r="L9" s="224">
        <v>99.999999999999986</v>
      </c>
    </row>
    <row r="10" spans="1:12" x14ac:dyDescent="0.15">
      <c r="A10" s="221"/>
      <c r="B10" s="239"/>
      <c r="C10" s="249"/>
      <c r="D10" s="250">
        <v>8.5517241379310338</v>
      </c>
      <c r="E10" s="251"/>
      <c r="F10" s="250">
        <v>11.271676300578035</v>
      </c>
      <c r="G10" s="251"/>
      <c r="H10" s="250">
        <v>29.126213592233007</v>
      </c>
      <c r="I10" s="251"/>
      <c r="J10" s="250">
        <v>44.444444444444443</v>
      </c>
      <c r="K10" s="252"/>
      <c r="L10" s="224">
        <v>11.906744379683596</v>
      </c>
    </row>
    <row r="11" spans="1:12" x14ac:dyDescent="0.15">
      <c r="A11" s="223" t="s">
        <v>28</v>
      </c>
      <c r="B11" s="240" t="s">
        <v>29</v>
      </c>
      <c r="C11" s="253">
        <v>8</v>
      </c>
      <c r="D11" s="250">
        <v>42.105263157894733</v>
      </c>
      <c r="E11" s="254">
        <v>7</v>
      </c>
      <c r="F11" s="250">
        <v>36.84210526315789</v>
      </c>
      <c r="G11" s="254" t="s">
        <v>413</v>
      </c>
      <c r="H11" s="250" t="s">
        <v>413</v>
      </c>
      <c r="I11" s="254" t="s">
        <v>413</v>
      </c>
      <c r="J11" s="250" t="s">
        <v>413</v>
      </c>
      <c r="K11" s="255">
        <v>19</v>
      </c>
      <c r="L11" s="224">
        <v>99.999999999999986</v>
      </c>
    </row>
    <row r="12" spans="1:12" x14ac:dyDescent="0.15">
      <c r="A12" s="221"/>
      <c r="B12" s="239" t="s">
        <v>30</v>
      </c>
      <c r="C12" s="249"/>
      <c r="D12" s="250">
        <v>1.103448275862069</v>
      </c>
      <c r="E12" s="251"/>
      <c r="F12" s="250">
        <v>2.0231213872832372</v>
      </c>
      <c r="G12" s="251"/>
      <c r="H12" s="250" t="s">
        <v>413</v>
      </c>
      <c r="I12" s="251"/>
      <c r="J12" s="250" t="s">
        <v>413</v>
      </c>
      <c r="K12" s="252"/>
      <c r="L12" s="224">
        <v>1.5820149875104081</v>
      </c>
    </row>
    <row r="13" spans="1:12" x14ac:dyDescent="0.15">
      <c r="A13" s="223" t="s">
        <v>31</v>
      </c>
      <c r="B13" s="240" t="s">
        <v>32</v>
      </c>
      <c r="C13" s="253">
        <v>57</v>
      </c>
      <c r="D13" s="250">
        <v>77.027027027027032</v>
      </c>
      <c r="E13" s="254">
        <v>12</v>
      </c>
      <c r="F13" s="250">
        <v>16.216216216216218</v>
      </c>
      <c r="G13" s="254" t="s">
        <v>413</v>
      </c>
      <c r="H13" s="250" t="s">
        <v>413</v>
      </c>
      <c r="I13" s="254" t="s">
        <v>413</v>
      </c>
      <c r="J13" s="250" t="s">
        <v>413</v>
      </c>
      <c r="K13" s="255">
        <v>74</v>
      </c>
      <c r="L13" s="224">
        <v>100.00000000000001</v>
      </c>
    </row>
    <row r="14" spans="1:12" x14ac:dyDescent="0.15">
      <c r="A14" s="221"/>
      <c r="B14" s="239"/>
      <c r="C14" s="249"/>
      <c r="D14" s="250">
        <v>7.8620689655172411</v>
      </c>
      <c r="E14" s="251"/>
      <c r="F14" s="250">
        <v>3.4682080924855487</v>
      </c>
      <c r="G14" s="251"/>
      <c r="H14" s="250" t="s">
        <v>413</v>
      </c>
      <c r="I14" s="251"/>
      <c r="J14" s="250" t="s">
        <v>413</v>
      </c>
      <c r="K14" s="252"/>
      <c r="L14" s="224">
        <v>6.1615320566194836</v>
      </c>
    </row>
    <row r="15" spans="1:12" x14ac:dyDescent="0.15">
      <c r="A15" s="223" t="s">
        <v>33</v>
      </c>
      <c r="B15" s="240" t="s">
        <v>34</v>
      </c>
      <c r="C15" s="253">
        <v>53</v>
      </c>
      <c r="D15" s="250">
        <v>50</v>
      </c>
      <c r="E15" s="254">
        <v>46</v>
      </c>
      <c r="F15" s="250">
        <v>43.39622641509434</v>
      </c>
      <c r="G15" s="254" t="s">
        <v>413</v>
      </c>
      <c r="H15" s="250" t="s">
        <v>413</v>
      </c>
      <c r="I15" s="254" t="s">
        <v>413</v>
      </c>
      <c r="J15" s="250" t="s">
        <v>413</v>
      </c>
      <c r="K15" s="255">
        <v>106</v>
      </c>
      <c r="L15" s="224">
        <v>99.999999999999986</v>
      </c>
    </row>
    <row r="16" spans="1:12" x14ac:dyDescent="0.15">
      <c r="A16" s="221"/>
      <c r="B16" s="239"/>
      <c r="C16" s="249"/>
      <c r="D16" s="250">
        <v>7.3103448275862073</v>
      </c>
      <c r="E16" s="251"/>
      <c r="F16" s="250">
        <v>13.294797687861271</v>
      </c>
      <c r="G16" s="251"/>
      <c r="H16" s="250" t="s">
        <v>413</v>
      </c>
      <c r="I16" s="251"/>
      <c r="J16" s="250" t="s">
        <v>413</v>
      </c>
      <c r="K16" s="252"/>
      <c r="L16" s="224">
        <v>8.8259783513738554</v>
      </c>
    </row>
    <row r="17" spans="1:12" x14ac:dyDescent="0.15">
      <c r="A17" s="223" t="s">
        <v>35</v>
      </c>
      <c r="B17" s="240" t="s">
        <v>36</v>
      </c>
      <c r="C17" s="253">
        <v>65</v>
      </c>
      <c r="D17" s="250">
        <v>72.222222222222214</v>
      </c>
      <c r="E17" s="254">
        <v>19</v>
      </c>
      <c r="F17" s="250">
        <v>21.111111111111111</v>
      </c>
      <c r="G17" s="254">
        <v>6</v>
      </c>
      <c r="H17" s="250">
        <v>6.666666666666667</v>
      </c>
      <c r="I17" s="254" t="s">
        <v>412</v>
      </c>
      <c r="J17" s="250"/>
      <c r="K17" s="255">
        <v>90</v>
      </c>
      <c r="L17" s="224">
        <v>100</v>
      </c>
    </row>
    <row r="18" spans="1:12" x14ac:dyDescent="0.15">
      <c r="A18" s="221"/>
      <c r="B18" s="239"/>
      <c r="C18" s="249"/>
      <c r="D18" s="250">
        <v>8.9655172413793096</v>
      </c>
      <c r="E18" s="251"/>
      <c r="F18" s="250">
        <v>5.4913294797687859</v>
      </c>
      <c r="G18" s="251"/>
      <c r="H18" s="250">
        <v>5.825242718446602</v>
      </c>
      <c r="I18" s="251"/>
      <c r="J18" s="250"/>
      <c r="K18" s="252"/>
      <c r="L18" s="224">
        <v>7.4937552039966704</v>
      </c>
    </row>
    <row r="19" spans="1:12" x14ac:dyDescent="0.15">
      <c r="A19" s="223" t="s">
        <v>37</v>
      </c>
      <c r="B19" s="240" t="s">
        <v>38</v>
      </c>
      <c r="C19" s="253">
        <v>47</v>
      </c>
      <c r="D19" s="250">
        <v>77.049180327868854</v>
      </c>
      <c r="E19" s="254" t="s">
        <v>413</v>
      </c>
      <c r="F19" s="250" t="s">
        <v>413</v>
      </c>
      <c r="G19" s="254" t="s">
        <v>412</v>
      </c>
      <c r="H19" s="250"/>
      <c r="I19" s="254" t="s">
        <v>413</v>
      </c>
      <c r="J19" s="250" t="s">
        <v>413</v>
      </c>
      <c r="K19" s="255">
        <v>61</v>
      </c>
      <c r="L19" s="224">
        <v>100</v>
      </c>
    </row>
    <row r="20" spans="1:12" x14ac:dyDescent="0.15">
      <c r="A20" s="221"/>
      <c r="B20" s="239"/>
      <c r="C20" s="249"/>
      <c r="D20" s="250">
        <v>6.4827586206896548</v>
      </c>
      <c r="E20" s="251"/>
      <c r="F20" s="250" t="s">
        <v>413</v>
      </c>
      <c r="G20" s="251"/>
      <c r="H20" s="250"/>
      <c r="I20" s="251"/>
      <c r="J20" s="250" t="s">
        <v>413</v>
      </c>
      <c r="K20" s="252"/>
      <c r="L20" s="224">
        <v>5.0791007493755203</v>
      </c>
    </row>
    <row r="21" spans="1:12" ht="12.75" customHeight="1" x14ac:dyDescent="0.15">
      <c r="A21" s="223" t="s">
        <v>39</v>
      </c>
      <c r="B21" s="240" t="s">
        <v>40</v>
      </c>
      <c r="C21" s="253" t="s">
        <v>413</v>
      </c>
      <c r="D21" s="250" t="s">
        <v>413</v>
      </c>
      <c r="E21" s="254" t="s">
        <v>413</v>
      </c>
      <c r="F21" s="250" t="s">
        <v>413</v>
      </c>
      <c r="G21" s="254" t="s">
        <v>412</v>
      </c>
      <c r="H21" s="250"/>
      <c r="I21" s="254" t="s">
        <v>412</v>
      </c>
      <c r="J21" s="250"/>
      <c r="K21" s="255">
        <v>28</v>
      </c>
      <c r="L21" s="224">
        <v>100</v>
      </c>
    </row>
    <row r="22" spans="1:12" x14ac:dyDescent="0.15">
      <c r="A22" s="221"/>
      <c r="B22" s="239"/>
      <c r="C22" s="249"/>
      <c r="D22" s="250" t="s">
        <v>413</v>
      </c>
      <c r="E22" s="251"/>
      <c r="F22" s="250" t="s">
        <v>413</v>
      </c>
      <c r="G22" s="251"/>
      <c r="H22" s="250"/>
      <c r="I22" s="251"/>
      <c r="J22" s="250"/>
      <c r="K22" s="252"/>
      <c r="L22" s="224">
        <v>2.3313905079100747</v>
      </c>
    </row>
    <row r="23" spans="1:12" x14ac:dyDescent="0.15">
      <c r="A23" s="223" t="s">
        <v>41</v>
      </c>
      <c r="B23" s="241" t="s">
        <v>42</v>
      </c>
      <c r="C23" s="253">
        <v>45</v>
      </c>
      <c r="D23" s="250">
        <v>64.285714285714292</v>
      </c>
      <c r="E23" s="254">
        <v>25</v>
      </c>
      <c r="F23" s="250">
        <v>35.714285714285715</v>
      </c>
      <c r="G23" s="254" t="s">
        <v>412</v>
      </c>
      <c r="H23" s="250"/>
      <c r="I23" s="254" t="s">
        <v>412</v>
      </c>
      <c r="J23" s="250"/>
      <c r="K23" s="255">
        <v>70</v>
      </c>
      <c r="L23" s="224">
        <v>100</v>
      </c>
    </row>
    <row r="24" spans="1:12" x14ac:dyDescent="0.15">
      <c r="A24" s="221"/>
      <c r="B24" s="239"/>
      <c r="C24" s="249"/>
      <c r="D24" s="250">
        <v>6.2068965517241379</v>
      </c>
      <c r="E24" s="251"/>
      <c r="F24" s="250">
        <v>7.2254335260115612</v>
      </c>
      <c r="G24" s="251"/>
      <c r="H24" s="250"/>
      <c r="I24" s="251"/>
      <c r="J24" s="250"/>
      <c r="K24" s="252"/>
      <c r="L24" s="224">
        <v>5.8284762697751873</v>
      </c>
    </row>
    <row r="25" spans="1:12" x14ac:dyDescent="0.15">
      <c r="A25" s="223" t="s">
        <v>43</v>
      </c>
      <c r="B25" s="240" t="s">
        <v>44</v>
      </c>
      <c r="C25" s="253">
        <v>50</v>
      </c>
      <c r="D25" s="250">
        <v>80.645161290322577</v>
      </c>
      <c r="E25" s="254">
        <v>12</v>
      </c>
      <c r="F25" s="250">
        <v>19.35483870967742</v>
      </c>
      <c r="G25" s="254" t="s">
        <v>412</v>
      </c>
      <c r="H25" s="250"/>
      <c r="I25" s="254" t="s">
        <v>412</v>
      </c>
      <c r="J25" s="250"/>
      <c r="K25" s="255">
        <v>62</v>
      </c>
      <c r="L25" s="224">
        <v>100</v>
      </c>
    </row>
    <row r="26" spans="1:12" x14ac:dyDescent="0.15">
      <c r="A26" s="221"/>
      <c r="B26" s="239"/>
      <c r="C26" s="249"/>
      <c r="D26" s="250">
        <v>6.8965517241379306</v>
      </c>
      <c r="E26" s="251"/>
      <c r="F26" s="250">
        <v>3.4682080924855487</v>
      </c>
      <c r="G26" s="251"/>
      <c r="H26" s="250"/>
      <c r="I26" s="251"/>
      <c r="J26" s="250"/>
      <c r="K26" s="252"/>
      <c r="L26" s="224">
        <v>5.1623646960865948</v>
      </c>
    </row>
    <row r="27" spans="1:12" x14ac:dyDescent="0.15">
      <c r="A27" s="223" t="s">
        <v>45</v>
      </c>
      <c r="B27" s="240" t="s">
        <v>46</v>
      </c>
      <c r="C27" s="253">
        <v>27</v>
      </c>
      <c r="D27" s="250">
        <v>77.142857142857153</v>
      </c>
      <c r="E27" s="254" t="s">
        <v>413</v>
      </c>
      <c r="F27" s="250" t="s">
        <v>413</v>
      </c>
      <c r="G27" s="254" t="s">
        <v>413</v>
      </c>
      <c r="H27" s="250" t="s">
        <v>413</v>
      </c>
      <c r="I27" s="254" t="s">
        <v>412</v>
      </c>
      <c r="J27" s="250"/>
      <c r="K27" s="255">
        <v>35</v>
      </c>
      <c r="L27" s="224">
        <v>100.00000000000001</v>
      </c>
    </row>
    <row r="28" spans="1:12" x14ac:dyDescent="0.15">
      <c r="A28" s="221"/>
      <c r="B28" s="239"/>
      <c r="C28" s="249"/>
      <c r="D28" s="250">
        <v>3.7241379310344822</v>
      </c>
      <c r="E28" s="251"/>
      <c r="F28" s="250" t="s">
        <v>413</v>
      </c>
      <c r="G28" s="251"/>
      <c r="H28" s="250" t="s">
        <v>413</v>
      </c>
      <c r="I28" s="251"/>
      <c r="J28" s="250"/>
      <c r="K28" s="252"/>
      <c r="L28" s="224">
        <v>2.9142381348875936</v>
      </c>
    </row>
    <row r="29" spans="1:12" x14ac:dyDescent="0.15">
      <c r="A29" s="223" t="s">
        <v>47</v>
      </c>
      <c r="B29" s="240" t="s">
        <v>48</v>
      </c>
      <c r="C29" s="253">
        <v>26</v>
      </c>
      <c r="D29" s="250">
        <v>50.980392156862742</v>
      </c>
      <c r="E29" s="254">
        <v>18</v>
      </c>
      <c r="F29" s="250">
        <v>35.294117647058826</v>
      </c>
      <c r="G29" s="254">
        <v>7</v>
      </c>
      <c r="H29" s="250">
        <v>13.725490196078432</v>
      </c>
      <c r="I29" s="254" t="s">
        <v>412</v>
      </c>
      <c r="J29" s="250"/>
      <c r="K29" s="255">
        <v>51</v>
      </c>
      <c r="L29" s="224">
        <v>100</v>
      </c>
    </row>
    <row r="30" spans="1:12" x14ac:dyDescent="0.15">
      <c r="A30" s="221"/>
      <c r="B30" s="239"/>
      <c r="C30" s="249"/>
      <c r="D30" s="250">
        <v>3.5862068965517238</v>
      </c>
      <c r="E30" s="251"/>
      <c r="F30" s="250">
        <v>5.202312138728324</v>
      </c>
      <c r="G30" s="251"/>
      <c r="H30" s="250">
        <v>6.7961165048543686</v>
      </c>
      <c r="I30" s="251"/>
      <c r="J30" s="250"/>
      <c r="K30" s="252"/>
      <c r="L30" s="224">
        <v>4.2464612822647796</v>
      </c>
    </row>
    <row r="31" spans="1:12" x14ac:dyDescent="0.15">
      <c r="A31" s="223" t="s">
        <v>49</v>
      </c>
      <c r="B31" s="240" t="s">
        <v>50</v>
      </c>
      <c r="C31" s="253">
        <v>87</v>
      </c>
      <c r="D31" s="250">
        <v>48.876404494382022</v>
      </c>
      <c r="E31" s="254">
        <v>56</v>
      </c>
      <c r="F31" s="250">
        <v>31.460674157303369</v>
      </c>
      <c r="G31" s="254">
        <v>25</v>
      </c>
      <c r="H31" s="250">
        <v>14.04494382022472</v>
      </c>
      <c r="I31" s="254">
        <v>10</v>
      </c>
      <c r="J31" s="250">
        <v>5.6179775280898872</v>
      </c>
      <c r="K31" s="255">
        <v>178</v>
      </c>
      <c r="L31" s="224">
        <v>99.999999999999986</v>
      </c>
    </row>
    <row r="32" spans="1:12" x14ac:dyDescent="0.15">
      <c r="A32" s="219"/>
      <c r="B32" s="242"/>
      <c r="C32" s="245"/>
      <c r="D32" s="256">
        <v>12</v>
      </c>
      <c r="E32" s="247"/>
      <c r="F32" s="256">
        <v>16.184971098265898</v>
      </c>
      <c r="G32" s="247"/>
      <c r="H32" s="256">
        <v>24.271844660194176</v>
      </c>
      <c r="I32" s="247"/>
      <c r="J32" s="256">
        <v>37.037037037037038</v>
      </c>
      <c r="K32" s="248"/>
      <c r="L32" s="225">
        <v>14.82098251457119</v>
      </c>
    </row>
    <row r="33" spans="1:17" x14ac:dyDescent="0.15">
      <c r="A33" s="223" t="s">
        <v>51</v>
      </c>
      <c r="B33" s="240" t="s">
        <v>52</v>
      </c>
      <c r="C33" s="253">
        <v>16</v>
      </c>
      <c r="D33" s="250">
        <v>53.333333333333336</v>
      </c>
      <c r="E33" s="254">
        <v>8</v>
      </c>
      <c r="F33" s="250">
        <v>26.666666666666668</v>
      </c>
      <c r="G33" s="254">
        <v>6</v>
      </c>
      <c r="H33" s="250">
        <v>20</v>
      </c>
      <c r="I33" s="254" t="s">
        <v>412</v>
      </c>
      <c r="J33" s="250"/>
      <c r="K33" s="255">
        <v>30</v>
      </c>
      <c r="L33" s="224">
        <v>100</v>
      </c>
    </row>
    <row r="34" spans="1:17" x14ac:dyDescent="0.15">
      <c r="A34" s="221"/>
      <c r="B34" s="239"/>
      <c r="C34" s="249"/>
      <c r="D34" s="250">
        <v>2.2068965517241379</v>
      </c>
      <c r="E34" s="251"/>
      <c r="F34" s="250">
        <v>2.3121387283236992</v>
      </c>
      <c r="G34" s="251"/>
      <c r="H34" s="250">
        <v>5.825242718446602</v>
      </c>
      <c r="I34" s="251"/>
      <c r="J34" s="250"/>
      <c r="K34" s="252"/>
      <c r="L34" s="224">
        <v>2.4979184013322229</v>
      </c>
    </row>
    <row r="35" spans="1:17" x14ac:dyDescent="0.15">
      <c r="A35" s="223" t="s">
        <v>53</v>
      </c>
      <c r="B35" s="240" t="s">
        <v>54</v>
      </c>
      <c r="C35" s="253">
        <v>75</v>
      </c>
      <c r="D35" s="250">
        <v>59.055118110236215</v>
      </c>
      <c r="E35" s="254">
        <v>43</v>
      </c>
      <c r="F35" s="250">
        <v>33.858267716535437</v>
      </c>
      <c r="G35" s="254" t="s">
        <v>413</v>
      </c>
      <c r="H35" s="250" t="s">
        <v>413</v>
      </c>
      <c r="I35" s="254" t="s">
        <v>413</v>
      </c>
      <c r="J35" s="250" t="s">
        <v>413</v>
      </c>
      <c r="K35" s="255">
        <v>127</v>
      </c>
      <c r="L35" s="224">
        <v>100</v>
      </c>
    </row>
    <row r="36" spans="1:17" x14ac:dyDescent="0.15">
      <c r="A36" s="221" t="s">
        <v>55</v>
      </c>
      <c r="B36" s="239"/>
      <c r="C36" s="249"/>
      <c r="D36" s="250">
        <v>10.344827586206897</v>
      </c>
      <c r="E36" s="251"/>
      <c r="F36" s="250">
        <v>12.427745664739884</v>
      </c>
      <c r="G36" s="251"/>
      <c r="H36" s="250" t="s">
        <v>413</v>
      </c>
      <c r="I36" s="251"/>
      <c r="J36" s="250" t="s">
        <v>413</v>
      </c>
      <c r="K36" s="252"/>
      <c r="L36" s="224">
        <v>10.574521232306411</v>
      </c>
    </row>
    <row r="37" spans="1:17" x14ac:dyDescent="0.15">
      <c r="A37" s="219"/>
      <c r="B37" s="242" t="s">
        <v>56</v>
      </c>
      <c r="C37" s="245">
        <v>725</v>
      </c>
      <c r="D37" s="246">
        <v>60.366361365528732</v>
      </c>
      <c r="E37" s="247">
        <v>346</v>
      </c>
      <c r="F37" s="246">
        <v>28.809325562031638</v>
      </c>
      <c r="G37" s="247">
        <v>103</v>
      </c>
      <c r="H37" s="246">
        <v>8.5761865112406319</v>
      </c>
      <c r="I37" s="247">
        <v>27</v>
      </c>
      <c r="J37" s="246">
        <v>2.2481265611990007</v>
      </c>
      <c r="K37" s="257">
        <v>1201</v>
      </c>
      <c r="L37" s="224">
        <v>100.00000000000001</v>
      </c>
    </row>
    <row r="38" spans="1:17" ht="14.25" thickBot="1" x14ac:dyDescent="0.2">
      <c r="A38" s="226"/>
      <c r="B38" s="243"/>
      <c r="C38" s="258"/>
      <c r="D38" s="259">
        <v>100</v>
      </c>
      <c r="E38" s="260"/>
      <c r="F38" s="259">
        <v>100</v>
      </c>
      <c r="G38" s="260"/>
      <c r="H38" s="259">
        <v>100</v>
      </c>
      <c r="I38" s="260"/>
      <c r="J38" s="259">
        <v>100</v>
      </c>
      <c r="K38" s="261"/>
      <c r="L38" s="228">
        <v>100</v>
      </c>
    </row>
    <row r="39" spans="1:17" x14ac:dyDescent="0.15">
      <c r="A39" s="244" t="s">
        <v>57</v>
      </c>
      <c r="B39" s="244"/>
      <c r="D39" s="31"/>
      <c r="G39" s="262" t="s">
        <v>411</v>
      </c>
    </row>
    <row r="40" spans="1:17" x14ac:dyDescent="0.15">
      <c r="A40" s="244" t="s">
        <v>58</v>
      </c>
      <c r="B40" s="244"/>
      <c r="D40" s="31"/>
      <c r="G40" s="244" t="s">
        <v>410</v>
      </c>
    </row>
    <row r="42" spans="1:17" x14ac:dyDescent="0.15">
      <c r="A42" s="1" t="s">
        <v>59</v>
      </c>
      <c r="D42" s="31"/>
    </row>
    <row r="43" spans="1:17" ht="14.25" thickBot="1" x14ac:dyDescent="0.2">
      <c r="D43" s="31"/>
      <c r="Q43" s="1" t="s">
        <v>60</v>
      </c>
    </row>
    <row r="44" spans="1:17" x14ac:dyDescent="0.15">
      <c r="A44" s="4"/>
      <c r="B44" s="32" t="s">
        <v>15</v>
      </c>
      <c r="C44" s="33" t="s">
        <v>16</v>
      </c>
      <c r="D44" s="34"/>
      <c r="E44" s="33"/>
      <c r="F44" s="6" t="s">
        <v>17</v>
      </c>
      <c r="G44" s="33"/>
      <c r="H44" s="33"/>
      <c r="I44" s="6" t="s">
        <v>18</v>
      </c>
      <c r="J44" s="33"/>
      <c r="K44" s="33"/>
      <c r="L44" s="6" t="s">
        <v>1</v>
      </c>
      <c r="M44" s="33"/>
      <c r="N44" s="33"/>
      <c r="O44" s="6" t="s">
        <v>19</v>
      </c>
      <c r="P44" s="33"/>
      <c r="Q44" s="7"/>
    </row>
    <row r="45" spans="1:17" ht="14.25" thickBot="1" x14ac:dyDescent="0.2">
      <c r="A45" s="8" t="s">
        <v>20</v>
      </c>
      <c r="B45" s="28"/>
      <c r="C45" s="2"/>
      <c r="D45" s="26" t="s">
        <v>62</v>
      </c>
      <c r="E45" s="35" t="s">
        <v>63</v>
      </c>
      <c r="F45" s="2"/>
      <c r="G45" s="35" t="s">
        <v>62</v>
      </c>
      <c r="H45" s="35" t="s">
        <v>63</v>
      </c>
      <c r="I45" s="2"/>
      <c r="J45" s="35" t="s">
        <v>62</v>
      </c>
      <c r="K45" s="35" t="s">
        <v>63</v>
      </c>
      <c r="L45" s="2"/>
      <c r="M45" s="35" t="s">
        <v>62</v>
      </c>
      <c r="N45" s="35" t="s">
        <v>63</v>
      </c>
      <c r="O45" s="2"/>
      <c r="P45" s="35" t="s">
        <v>62</v>
      </c>
      <c r="Q45" s="36" t="s">
        <v>63</v>
      </c>
    </row>
    <row r="46" spans="1:17" ht="25.5" customHeight="1" x14ac:dyDescent="0.15">
      <c r="A46" s="37" t="s">
        <v>22</v>
      </c>
      <c r="B46" s="38" t="s">
        <v>23</v>
      </c>
      <c r="C46" s="263" t="s">
        <v>413</v>
      </c>
      <c r="D46" s="264" t="s">
        <v>413</v>
      </c>
      <c r="E46" s="264" t="s">
        <v>413</v>
      </c>
      <c r="F46" s="290" t="s">
        <v>413</v>
      </c>
      <c r="G46" s="264" t="s">
        <v>413</v>
      </c>
      <c r="H46" s="264" t="s">
        <v>413</v>
      </c>
      <c r="I46" s="290" t="s">
        <v>412</v>
      </c>
      <c r="J46" s="264"/>
      <c r="K46" s="264"/>
      <c r="L46" s="290" t="s">
        <v>412</v>
      </c>
      <c r="M46" s="264"/>
      <c r="N46" s="264"/>
      <c r="O46" s="290">
        <v>139</v>
      </c>
      <c r="P46" s="264">
        <v>121</v>
      </c>
      <c r="Q46" s="291">
        <v>18</v>
      </c>
    </row>
    <row r="47" spans="1:17" ht="25.5" customHeight="1" x14ac:dyDescent="0.15">
      <c r="A47" s="39" t="s">
        <v>64</v>
      </c>
      <c r="B47" s="40" t="s">
        <v>25</v>
      </c>
      <c r="C47" s="267">
        <v>785</v>
      </c>
      <c r="D47" s="266">
        <v>680</v>
      </c>
      <c r="E47" s="266">
        <v>105</v>
      </c>
      <c r="F47" s="265">
        <v>1686</v>
      </c>
      <c r="G47" s="266">
        <v>1468</v>
      </c>
      <c r="H47" s="266">
        <v>218</v>
      </c>
      <c r="I47" s="265">
        <v>1090</v>
      </c>
      <c r="J47" s="266">
        <v>990</v>
      </c>
      <c r="K47" s="266">
        <v>100</v>
      </c>
      <c r="L47" s="265" t="s">
        <v>412</v>
      </c>
      <c r="M47" s="266"/>
      <c r="N47" s="266"/>
      <c r="O47" s="265">
        <v>3561</v>
      </c>
      <c r="P47" s="266">
        <v>3138</v>
      </c>
      <c r="Q47" s="292">
        <v>423</v>
      </c>
    </row>
    <row r="48" spans="1:17" ht="25.5" customHeight="1" x14ac:dyDescent="0.15">
      <c r="A48" s="39" t="s">
        <v>26</v>
      </c>
      <c r="B48" s="40" t="s">
        <v>27</v>
      </c>
      <c r="C48" s="267">
        <v>821</v>
      </c>
      <c r="D48" s="266">
        <v>505</v>
      </c>
      <c r="E48" s="266">
        <v>316</v>
      </c>
      <c r="F48" s="265">
        <v>1965</v>
      </c>
      <c r="G48" s="266">
        <v>1255</v>
      </c>
      <c r="H48" s="266">
        <v>710</v>
      </c>
      <c r="I48" s="265">
        <v>4725</v>
      </c>
      <c r="J48" s="266">
        <v>3571</v>
      </c>
      <c r="K48" s="266">
        <v>1154</v>
      </c>
      <c r="L48" s="265">
        <v>10388</v>
      </c>
      <c r="M48" s="266">
        <v>7926</v>
      </c>
      <c r="N48" s="266">
        <v>2462</v>
      </c>
      <c r="O48" s="265">
        <v>17899</v>
      </c>
      <c r="P48" s="266">
        <v>13257</v>
      </c>
      <c r="Q48" s="292">
        <v>4642</v>
      </c>
    </row>
    <row r="49" spans="1:17" ht="25.5" customHeight="1" x14ac:dyDescent="0.15">
      <c r="A49" s="39" t="s">
        <v>28</v>
      </c>
      <c r="B49" s="43" t="s">
        <v>65</v>
      </c>
      <c r="C49" s="267">
        <v>151</v>
      </c>
      <c r="D49" s="266">
        <v>136</v>
      </c>
      <c r="E49" s="266">
        <v>15</v>
      </c>
      <c r="F49" s="265">
        <v>430</v>
      </c>
      <c r="G49" s="266">
        <v>391</v>
      </c>
      <c r="H49" s="266">
        <v>39</v>
      </c>
      <c r="I49" s="265" t="s">
        <v>413</v>
      </c>
      <c r="J49" s="266" t="s">
        <v>413</v>
      </c>
      <c r="K49" s="266" t="s">
        <v>413</v>
      </c>
      <c r="L49" s="265" t="s">
        <v>413</v>
      </c>
      <c r="M49" s="266" t="s">
        <v>413</v>
      </c>
      <c r="N49" s="266" t="s">
        <v>413</v>
      </c>
      <c r="O49" s="265">
        <v>1509</v>
      </c>
      <c r="P49" s="266">
        <v>1386</v>
      </c>
      <c r="Q49" s="292">
        <v>123</v>
      </c>
    </row>
    <row r="50" spans="1:17" ht="25.5" customHeight="1" x14ac:dyDescent="0.15">
      <c r="A50" s="39" t="s">
        <v>66</v>
      </c>
      <c r="B50" s="40" t="s">
        <v>32</v>
      </c>
      <c r="C50" s="267">
        <v>694</v>
      </c>
      <c r="D50" s="266">
        <v>505</v>
      </c>
      <c r="E50" s="266">
        <v>189</v>
      </c>
      <c r="F50" s="265">
        <v>671</v>
      </c>
      <c r="G50" s="266">
        <v>504</v>
      </c>
      <c r="H50" s="266">
        <v>167</v>
      </c>
      <c r="I50" s="265" t="s">
        <v>413</v>
      </c>
      <c r="J50" s="266" t="s">
        <v>413</v>
      </c>
      <c r="K50" s="266" t="s">
        <v>413</v>
      </c>
      <c r="L50" s="265" t="s">
        <v>413</v>
      </c>
      <c r="M50" s="266" t="s">
        <v>413</v>
      </c>
      <c r="N50" s="266" t="s">
        <v>413</v>
      </c>
      <c r="O50" s="265">
        <v>2667</v>
      </c>
      <c r="P50" s="266">
        <v>1969</v>
      </c>
      <c r="Q50" s="292">
        <v>698</v>
      </c>
    </row>
    <row r="51" spans="1:17" ht="25.5" customHeight="1" x14ac:dyDescent="0.15">
      <c r="A51" s="39" t="s">
        <v>33</v>
      </c>
      <c r="B51" s="40" t="s">
        <v>34</v>
      </c>
      <c r="C51" s="267">
        <v>569</v>
      </c>
      <c r="D51" s="266">
        <v>492</v>
      </c>
      <c r="E51" s="266">
        <v>77</v>
      </c>
      <c r="F51" s="265">
        <v>2289</v>
      </c>
      <c r="G51" s="266">
        <v>2095</v>
      </c>
      <c r="H51" s="266">
        <v>194</v>
      </c>
      <c r="I51" s="265" t="s">
        <v>413</v>
      </c>
      <c r="J51" s="266" t="s">
        <v>413</v>
      </c>
      <c r="K51" s="266" t="s">
        <v>413</v>
      </c>
      <c r="L51" s="265" t="s">
        <v>413</v>
      </c>
      <c r="M51" s="266" t="s">
        <v>413</v>
      </c>
      <c r="N51" s="266" t="s">
        <v>413</v>
      </c>
      <c r="O51" s="265">
        <v>4242</v>
      </c>
      <c r="P51" s="266">
        <v>3804</v>
      </c>
      <c r="Q51" s="292">
        <v>438</v>
      </c>
    </row>
    <row r="52" spans="1:17" ht="25.5" customHeight="1" x14ac:dyDescent="0.15">
      <c r="A52" s="39" t="s">
        <v>35</v>
      </c>
      <c r="B52" s="40" t="s">
        <v>36</v>
      </c>
      <c r="C52" s="267">
        <v>811</v>
      </c>
      <c r="D52" s="266">
        <v>505</v>
      </c>
      <c r="E52" s="266">
        <v>306</v>
      </c>
      <c r="F52" s="265">
        <v>769</v>
      </c>
      <c r="G52" s="266">
        <v>523</v>
      </c>
      <c r="H52" s="266">
        <v>246</v>
      </c>
      <c r="I52" s="265">
        <v>958</v>
      </c>
      <c r="J52" s="266">
        <v>411</v>
      </c>
      <c r="K52" s="266">
        <v>547</v>
      </c>
      <c r="L52" s="265" t="s">
        <v>412</v>
      </c>
      <c r="M52" s="266"/>
      <c r="N52" s="266"/>
      <c r="O52" s="265">
        <v>2538</v>
      </c>
      <c r="P52" s="266">
        <v>1439</v>
      </c>
      <c r="Q52" s="292">
        <v>1099</v>
      </c>
    </row>
    <row r="53" spans="1:17" ht="25.5" customHeight="1" x14ac:dyDescent="0.15">
      <c r="A53" s="39" t="s">
        <v>37</v>
      </c>
      <c r="B53" s="40" t="s">
        <v>67</v>
      </c>
      <c r="C53" s="267">
        <v>575</v>
      </c>
      <c r="D53" s="266">
        <v>274</v>
      </c>
      <c r="E53" s="266">
        <v>301</v>
      </c>
      <c r="F53" s="265" t="s">
        <v>413</v>
      </c>
      <c r="G53" s="266" t="s">
        <v>413</v>
      </c>
      <c r="H53" s="266" t="s">
        <v>413</v>
      </c>
      <c r="I53" s="265" t="s">
        <v>412</v>
      </c>
      <c r="J53" s="266"/>
      <c r="K53" s="266"/>
      <c r="L53" s="265" t="s">
        <v>413</v>
      </c>
      <c r="M53" s="266" t="s">
        <v>413</v>
      </c>
      <c r="N53" s="266" t="s">
        <v>413</v>
      </c>
      <c r="O53" s="265">
        <v>3873</v>
      </c>
      <c r="P53" s="266">
        <v>1781</v>
      </c>
      <c r="Q53" s="292">
        <v>2092</v>
      </c>
    </row>
    <row r="54" spans="1:17" ht="25.5" customHeight="1" x14ac:dyDescent="0.15">
      <c r="A54" s="39" t="s">
        <v>39</v>
      </c>
      <c r="B54" s="40" t="s">
        <v>40</v>
      </c>
      <c r="C54" s="267" t="s">
        <v>413</v>
      </c>
      <c r="D54" s="266" t="s">
        <v>413</v>
      </c>
      <c r="E54" s="266" t="s">
        <v>413</v>
      </c>
      <c r="F54" s="265" t="s">
        <v>413</v>
      </c>
      <c r="G54" s="266" t="s">
        <v>413</v>
      </c>
      <c r="H54" s="266" t="s">
        <v>413</v>
      </c>
      <c r="I54" s="265" t="s">
        <v>412</v>
      </c>
      <c r="J54" s="266"/>
      <c r="K54" s="266"/>
      <c r="L54" s="265" t="s">
        <v>412</v>
      </c>
      <c r="M54" s="266"/>
      <c r="N54" s="266"/>
      <c r="O54" s="265">
        <v>298</v>
      </c>
      <c r="P54" s="266">
        <v>176</v>
      </c>
      <c r="Q54" s="292">
        <v>122</v>
      </c>
    </row>
    <row r="55" spans="1:17" ht="25.5" customHeight="1" x14ac:dyDescent="0.15">
      <c r="A55" s="39" t="s">
        <v>41</v>
      </c>
      <c r="B55" s="44" t="s">
        <v>42</v>
      </c>
      <c r="C55" s="267">
        <v>497</v>
      </c>
      <c r="D55" s="266">
        <v>331</v>
      </c>
      <c r="E55" s="266">
        <v>166</v>
      </c>
      <c r="F55" s="265">
        <v>1171</v>
      </c>
      <c r="G55" s="266">
        <v>1004</v>
      </c>
      <c r="H55" s="266">
        <v>167</v>
      </c>
      <c r="I55" s="265" t="s">
        <v>412</v>
      </c>
      <c r="J55" s="266"/>
      <c r="K55" s="266"/>
      <c r="L55" s="265" t="s">
        <v>412</v>
      </c>
      <c r="M55" s="266"/>
      <c r="N55" s="266"/>
      <c r="O55" s="265">
        <v>1668</v>
      </c>
      <c r="P55" s="266">
        <v>1335</v>
      </c>
      <c r="Q55" s="292">
        <v>333</v>
      </c>
    </row>
    <row r="56" spans="1:17" ht="25.5" customHeight="1" x14ac:dyDescent="0.15">
      <c r="A56" s="39" t="s">
        <v>68</v>
      </c>
      <c r="B56" s="40" t="s">
        <v>44</v>
      </c>
      <c r="C56" s="267">
        <v>632</v>
      </c>
      <c r="D56" s="266">
        <v>325</v>
      </c>
      <c r="E56" s="266">
        <v>307</v>
      </c>
      <c r="F56" s="265">
        <v>594</v>
      </c>
      <c r="G56" s="266">
        <v>321</v>
      </c>
      <c r="H56" s="266">
        <v>273</v>
      </c>
      <c r="I56" s="265" t="s">
        <v>412</v>
      </c>
      <c r="J56" s="266"/>
      <c r="K56" s="266"/>
      <c r="L56" s="265" t="s">
        <v>412</v>
      </c>
      <c r="M56" s="266"/>
      <c r="N56" s="266"/>
      <c r="O56" s="265">
        <v>1226</v>
      </c>
      <c r="P56" s="266">
        <v>646</v>
      </c>
      <c r="Q56" s="292">
        <v>580</v>
      </c>
    </row>
    <row r="57" spans="1:17" ht="25.5" customHeight="1" x14ac:dyDescent="0.15">
      <c r="A57" s="39" t="s">
        <v>69</v>
      </c>
      <c r="B57" s="40" t="s">
        <v>46</v>
      </c>
      <c r="C57" s="267">
        <v>297</v>
      </c>
      <c r="D57" s="266">
        <v>159</v>
      </c>
      <c r="E57" s="266">
        <v>138</v>
      </c>
      <c r="F57" s="266" t="s">
        <v>413</v>
      </c>
      <c r="G57" s="266" t="s">
        <v>413</v>
      </c>
      <c r="H57" s="266" t="s">
        <v>413</v>
      </c>
      <c r="I57" s="266" t="s">
        <v>413</v>
      </c>
      <c r="J57" s="266" t="s">
        <v>413</v>
      </c>
      <c r="K57" s="266" t="s">
        <v>413</v>
      </c>
      <c r="L57" s="265" t="s">
        <v>412</v>
      </c>
      <c r="M57" s="266"/>
      <c r="N57" s="266"/>
      <c r="O57" s="265">
        <v>766</v>
      </c>
      <c r="P57" s="266">
        <v>376</v>
      </c>
      <c r="Q57" s="292">
        <v>390</v>
      </c>
    </row>
    <row r="58" spans="1:17" ht="25.5" customHeight="1" x14ac:dyDescent="0.15">
      <c r="A58" s="39" t="s">
        <v>70</v>
      </c>
      <c r="B58" s="40" t="s">
        <v>48</v>
      </c>
      <c r="C58" s="267">
        <v>295</v>
      </c>
      <c r="D58" s="266">
        <v>148</v>
      </c>
      <c r="E58" s="266">
        <v>147</v>
      </c>
      <c r="F58" s="265">
        <v>868</v>
      </c>
      <c r="G58" s="266">
        <v>497</v>
      </c>
      <c r="H58" s="266">
        <v>371</v>
      </c>
      <c r="I58" s="265">
        <v>1077</v>
      </c>
      <c r="J58" s="266">
        <v>778</v>
      </c>
      <c r="K58" s="266">
        <v>299</v>
      </c>
      <c r="L58" s="265" t="s">
        <v>412</v>
      </c>
      <c r="M58" s="266"/>
      <c r="N58" s="266"/>
      <c r="O58" s="265">
        <v>2240</v>
      </c>
      <c r="P58" s="266">
        <v>1423</v>
      </c>
      <c r="Q58" s="292">
        <v>817</v>
      </c>
    </row>
    <row r="59" spans="1:17" ht="25.5" customHeight="1" x14ac:dyDescent="0.15">
      <c r="A59" s="39" t="s">
        <v>71</v>
      </c>
      <c r="B59" s="40" t="s">
        <v>50</v>
      </c>
      <c r="C59" s="267">
        <v>1231</v>
      </c>
      <c r="D59" s="266">
        <v>294</v>
      </c>
      <c r="E59" s="266">
        <v>937</v>
      </c>
      <c r="F59" s="265">
        <v>2766</v>
      </c>
      <c r="G59" s="266">
        <v>864</v>
      </c>
      <c r="H59" s="266">
        <v>1902</v>
      </c>
      <c r="I59" s="265">
        <v>4013</v>
      </c>
      <c r="J59" s="266">
        <v>1225</v>
      </c>
      <c r="K59" s="266">
        <v>2788</v>
      </c>
      <c r="L59" s="265">
        <v>5856</v>
      </c>
      <c r="M59" s="266">
        <v>1596</v>
      </c>
      <c r="N59" s="266">
        <v>4260</v>
      </c>
      <c r="O59" s="265">
        <v>13866</v>
      </c>
      <c r="P59" s="266">
        <v>3979</v>
      </c>
      <c r="Q59" s="292">
        <v>9887</v>
      </c>
    </row>
    <row r="60" spans="1:17" ht="25.5" customHeight="1" x14ac:dyDescent="0.15">
      <c r="A60" s="39" t="s">
        <v>72</v>
      </c>
      <c r="B60" s="40" t="s">
        <v>52</v>
      </c>
      <c r="C60" s="267">
        <v>128</v>
      </c>
      <c r="D60" s="266">
        <v>77</v>
      </c>
      <c r="E60" s="266">
        <v>51</v>
      </c>
      <c r="F60" s="265">
        <v>452</v>
      </c>
      <c r="G60" s="266">
        <v>295</v>
      </c>
      <c r="H60" s="266">
        <v>157</v>
      </c>
      <c r="I60" s="265">
        <v>1301</v>
      </c>
      <c r="J60" s="266">
        <v>785</v>
      </c>
      <c r="K60" s="266">
        <v>516</v>
      </c>
      <c r="L60" s="265" t="s">
        <v>412</v>
      </c>
      <c r="M60" s="266"/>
      <c r="N60" s="266"/>
      <c r="O60" s="265">
        <v>1881</v>
      </c>
      <c r="P60" s="266">
        <v>1157</v>
      </c>
      <c r="Q60" s="292">
        <v>724</v>
      </c>
    </row>
    <row r="61" spans="1:17" ht="25.5" customHeight="1" x14ac:dyDescent="0.15">
      <c r="A61" s="21" t="s">
        <v>53</v>
      </c>
      <c r="B61" s="45" t="s">
        <v>73</v>
      </c>
      <c r="C61" s="293">
        <v>980</v>
      </c>
      <c r="D61" s="294">
        <v>681</v>
      </c>
      <c r="E61" s="294">
        <v>299</v>
      </c>
      <c r="F61" s="295">
        <v>2223</v>
      </c>
      <c r="G61" s="294">
        <v>1647</v>
      </c>
      <c r="H61" s="294">
        <v>576</v>
      </c>
      <c r="I61" s="295" t="s">
        <v>413</v>
      </c>
      <c r="J61" s="294" t="s">
        <v>413</v>
      </c>
      <c r="K61" s="294" t="s">
        <v>413</v>
      </c>
      <c r="L61" s="266" t="s">
        <v>413</v>
      </c>
      <c r="M61" s="266" t="s">
        <v>413</v>
      </c>
      <c r="N61" s="266" t="s">
        <v>413</v>
      </c>
      <c r="O61" s="295">
        <v>5855</v>
      </c>
      <c r="P61" s="294">
        <v>4236</v>
      </c>
      <c r="Q61" s="296">
        <v>1619</v>
      </c>
    </row>
    <row r="62" spans="1:17" ht="25.5" customHeight="1" thickBot="1" x14ac:dyDescent="0.2">
      <c r="A62" s="46" t="s">
        <v>19</v>
      </c>
      <c r="B62" s="47"/>
      <c r="C62" s="297">
        <v>8796</v>
      </c>
      <c r="D62" s="298">
        <v>5342</v>
      </c>
      <c r="E62" s="298">
        <v>3454</v>
      </c>
      <c r="F62" s="299">
        <v>16841</v>
      </c>
      <c r="G62" s="298">
        <v>11347</v>
      </c>
      <c r="H62" s="298">
        <v>5494</v>
      </c>
      <c r="I62" s="299">
        <v>16949</v>
      </c>
      <c r="J62" s="298">
        <v>10556</v>
      </c>
      <c r="K62" s="298">
        <v>6393</v>
      </c>
      <c r="L62" s="299">
        <v>21642</v>
      </c>
      <c r="M62" s="298">
        <v>12978</v>
      </c>
      <c r="N62" s="298">
        <v>8664</v>
      </c>
      <c r="O62" s="299">
        <v>64228</v>
      </c>
      <c r="P62" s="298">
        <v>40223</v>
      </c>
      <c r="Q62" s="300">
        <v>24005</v>
      </c>
    </row>
    <row r="63" spans="1:17" x14ac:dyDescent="0.15">
      <c r="A63" s="2"/>
      <c r="B63" s="2"/>
      <c r="C63" s="304"/>
      <c r="D63" s="304"/>
      <c r="E63" s="304"/>
      <c r="F63" s="304"/>
      <c r="G63" s="304"/>
      <c r="H63" s="304"/>
      <c r="I63" s="304"/>
      <c r="J63" s="304"/>
      <c r="K63" s="304"/>
      <c r="L63" s="304"/>
      <c r="M63" s="304"/>
      <c r="N63" s="304"/>
      <c r="O63" s="304"/>
      <c r="P63" s="304"/>
      <c r="Q63" s="304"/>
    </row>
    <row r="64" spans="1:17" x14ac:dyDescent="0.15">
      <c r="A64" s="1" t="s">
        <v>74</v>
      </c>
      <c r="F64" s="1" t="s">
        <v>417</v>
      </c>
    </row>
    <row r="65" spans="1:23" ht="14.25" thickBot="1" x14ac:dyDescent="0.2">
      <c r="W65" s="1" t="s">
        <v>75</v>
      </c>
    </row>
    <row r="66" spans="1:23" x14ac:dyDescent="0.15">
      <c r="A66" s="4"/>
      <c r="B66" s="32" t="s">
        <v>76</v>
      </c>
      <c r="C66" s="33"/>
      <c r="D66" s="37" t="s">
        <v>15</v>
      </c>
      <c r="E66" s="38"/>
      <c r="F66" s="38"/>
      <c r="G66" s="38"/>
      <c r="H66" s="37" t="s">
        <v>20</v>
      </c>
      <c r="I66" s="38"/>
      <c r="J66" s="38"/>
      <c r="K66" s="38"/>
      <c r="L66" s="38"/>
      <c r="M66" s="38"/>
      <c r="N66" s="38"/>
      <c r="O66" s="38"/>
      <c r="P66" s="38"/>
      <c r="Q66" s="38"/>
      <c r="R66" s="38"/>
      <c r="S66" s="38"/>
      <c r="T66" s="38"/>
      <c r="U66" s="38"/>
      <c r="V66" s="38"/>
      <c r="W66" s="48"/>
    </row>
    <row r="67" spans="1:23" ht="53.25" customHeight="1" thickBot="1" x14ac:dyDescent="0.2">
      <c r="A67" s="8" t="s">
        <v>77</v>
      </c>
      <c r="B67" s="28"/>
      <c r="C67" s="49" t="s">
        <v>19</v>
      </c>
      <c r="D67" s="50" t="s">
        <v>16</v>
      </c>
      <c r="E67" s="51" t="s">
        <v>78</v>
      </c>
      <c r="F67" s="51" t="s">
        <v>79</v>
      </c>
      <c r="G67" s="52" t="s">
        <v>1</v>
      </c>
      <c r="H67" s="53" t="s">
        <v>2</v>
      </c>
      <c r="I67" s="11" t="s">
        <v>80</v>
      </c>
      <c r="J67" s="11" t="s">
        <v>3</v>
      </c>
      <c r="K67" s="54" t="s">
        <v>81</v>
      </c>
      <c r="L67" s="55" t="s">
        <v>4</v>
      </c>
      <c r="M67" s="56" t="s">
        <v>5</v>
      </c>
      <c r="N67" s="55" t="s">
        <v>82</v>
      </c>
      <c r="O67" s="55" t="s">
        <v>6</v>
      </c>
      <c r="P67" s="56" t="s">
        <v>7</v>
      </c>
      <c r="Q67" s="57" t="s">
        <v>8</v>
      </c>
      <c r="R67" s="56" t="s">
        <v>9</v>
      </c>
      <c r="S67" s="55" t="s">
        <v>10</v>
      </c>
      <c r="T67" s="55" t="s">
        <v>11</v>
      </c>
      <c r="U67" s="55" t="s">
        <v>12</v>
      </c>
      <c r="V67" s="58" t="s">
        <v>83</v>
      </c>
      <c r="W67" s="59" t="s">
        <v>13</v>
      </c>
    </row>
    <row r="68" spans="1:23" ht="37.5" customHeight="1" x14ac:dyDescent="0.15">
      <c r="A68" s="37" t="s">
        <v>84</v>
      </c>
      <c r="B68" s="38"/>
      <c r="C68" s="60">
        <v>27.554438860971526</v>
      </c>
      <c r="D68" s="60">
        <v>21.001390820584145</v>
      </c>
      <c r="E68" s="61">
        <v>32.173913043478258</v>
      </c>
      <c r="F68" s="61">
        <v>49.514563106796118</v>
      </c>
      <c r="G68" s="15">
        <v>59.259259259259252</v>
      </c>
      <c r="H68" s="62">
        <v>9.0909090909090917</v>
      </c>
      <c r="I68" s="63">
        <v>13.793103448275861</v>
      </c>
      <c r="J68" s="63">
        <v>26.056338028169012</v>
      </c>
      <c r="K68" s="63">
        <v>73.68421052631578</v>
      </c>
      <c r="L68" s="63">
        <v>25.675675675675674</v>
      </c>
      <c r="M68" s="63">
        <v>41.904761904761905</v>
      </c>
      <c r="N68" s="63">
        <v>37.777777777777779</v>
      </c>
      <c r="O68" s="63">
        <v>80.327868852459019</v>
      </c>
      <c r="P68" s="63">
        <v>11.538461538461538</v>
      </c>
      <c r="Q68" s="63">
        <v>10.144927536231885</v>
      </c>
      <c r="R68" s="63">
        <v>6.557377049180328</v>
      </c>
      <c r="S68" s="63">
        <v>17.142857142857142</v>
      </c>
      <c r="T68" s="63">
        <v>35.294117647058826</v>
      </c>
      <c r="U68" s="63">
        <v>22.471910112359549</v>
      </c>
      <c r="V68" s="61">
        <v>93.333333333333329</v>
      </c>
      <c r="W68" s="15">
        <v>7.1428571428571423</v>
      </c>
    </row>
    <row r="69" spans="1:23" ht="37.5" customHeight="1" thickBot="1" x14ac:dyDescent="0.2">
      <c r="A69" s="46" t="s">
        <v>85</v>
      </c>
      <c r="B69" s="47"/>
      <c r="C69" s="64">
        <v>72.445561139028484</v>
      </c>
      <c r="D69" s="64">
        <v>78.998609179415851</v>
      </c>
      <c r="E69" s="65">
        <v>67.826086956521735</v>
      </c>
      <c r="F69" s="65">
        <v>50.485436893203882</v>
      </c>
      <c r="G69" s="30">
        <v>40.74074074074074</v>
      </c>
      <c r="H69" s="66">
        <v>90.909090909090907</v>
      </c>
      <c r="I69" s="29">
        <v>86.206896551724128</v>
      </c>
      <c r="J69" s="29">
        <v>73.943661971830991</v>
      </c>
      <c r="K69" s="29">
        <v>26.315789473684209</v>
      </c>
      <c r="L69" s="29">
        <v>74.324324324324323</v>
      </c>
      <c r="M69" s="29">
        <v>58.095238095238102</v>
      </c>
      <c r="N69" s="29">
        <v>62.222222222222221</v>
      </c>
      <c r="O69" s="29">
        <v>19.672131147540984</v>
      </c>
      <c r="P69" s="29">
        <v>88.461538461538453</v>
      </c>
      <c r="Q69" s="29">
        <v>89.85507246376811</v>
      </c>
      <c r="R69" s="29">
        <v>93.442622950819683</v>
      </c>
      <c r="S69" s="29">
        <v>82.857142857142861</v>
      </c>
      <c r="T69" s="29">
        <v>64.705882352941174</v>
      </c>
      <c r="U69" s="29">
        <v>77.528089887640448</v>
      </c>
      <c r="V69" s="65">
        <v>6.666666666666667</v>
      </c>
      <c r="W69" s="30">
        <v>92.857142857142861</v>
      </c>
    </row>
    <row r="72" spans="1:23" s="2" customFormat="1" x14ac:dyDescent="0.15">
      <c r="A72" s="2" t="s">
        <v>86</v>
      </c>
      <c r="F72" s="2" t="s">
        <v>418</v>
      </c>
    </row>
    <row r="73" spans="1:23" s="2" customFormat="1" ht="14.25" thickBot="1" x14ac:dyDescent="0.2">
      <c r="W73" s="1" t="s">
        <v>75</v>
      </c>
    </row>
    <row r="74" spans="1:23" s="2" customFormat="1" x14ac:dyDescent="0.15">
      <c r="A74" s="4"/>
      <c r="B74" s="5" t="s">
        <v>76</v>
      </c>
      <c r="C74" s="67"/>
      <c r="D74" s="37" t="s">
        <v>15</v>
      </c>
      <c r="E74" s="38"/>
      <c r="F74" s="38"/>
      <c r="G74" s="48"/>
      <c r="H74" s="37" t="s">
        <v>20</v>
      </c>
      <c r="I74" s="38"/>
      <c r="J74" s="38"/>
      <c r="K74" s="38"/>
      <c r="L74" s="38"/>
      <c r="M74" s="38"/>
      <c r="N74" s="38"/>
      <c r="O74" s="38"/>
      <c r="P74" s="38"/>
      <c r="Q74" s="38"/>
      <c r="R74" s="38"/>
      <c r="S74" s="38"/>
      <c r="T74" s="38"/>
      <c r="U74" s="38"/>
      <c r="V74" s="38"/>
      <c r="W74" s="48"/>
    </row>
    <row r="75" spans="1:23" s="2" customFormat="1" ht="54.75" thickBot="1" x14ac:dyDescent="0.2">
      <c r="A75" s="13" t="s">
        <v>87</v>
      </c>
      <c r="C75" s="68" t="s">
        <v>19</v>
      </c>
      <c r="D75" s="50" t="s">
        <v>16</v>
      </c>
      <c r="E75" s="51" t="s">
        <v>78</v>
      </c>
      <c r="F75" s="51" t="s">
        <v>88</v>
      </c>
      <c r="G75" s="52" t="s">
        <v>1</v>
      </c>
      <c r="H75" s="53" t="s">
        <v>2</v>
      </c>
      <c r="I75" s="11" t="s">
        <v>89</v>
      </c>
      <c r="J75" s="11" t="s">
        <v>90</v>
      </c>
      <c r="K75" s="54" t="s">
        <v>91</v>
      </c>
      <c r="L75" s="55" t="s">
        <v>4</v>
      </c>
      <c r="M75" s="56" t="s">
        <v>5</v>
      </c>
      <c r="N75" s="55" t="s">
        <v>82</v>
      </c>
      <c r="O75" s="55" t="s">
        <v>6</v>
      </c>
      <c r="P75" s="56" t="s">
        <v>7</v>
      </c>
      <c r="Q75" s="57" t="s">
        <v>8</v>
      </c>
      <c r="R75" s="56" t="s">
        <v>9</v>
      </c>
      <c r="S75" s="55" t="s">
        <v>10</v>
      </c>
      <c r="T75" s="55" t="s">
        <v>11</v>
      </c>
      <c r="U75" s="55" t="s">
        <v>12</v>
      </c>
      <c r="V75" s="58" t="s">
        <v>83</v>
      </c>
      <c r="W75" s="59" t="s">
        <v>13</v>
      </c>
    </row>
    <row r="76" spans="1:23" s="2" customFormat="1" ht="32.25" customHeight="1" x14ac:dyDescent="0.15">
      <c r="A76" s="37" t="s">
        <v>92</v>
      </c>
      <c r="B76" s="38"/>
      <c r="C76" s="69">
        <v>2.1008403361344539</v>
      </c>
      <c r="D76" s="70">
        <v>2.7972027972027971</v>
      </c>
      <c r="E76" s="63">
        <v>1.1594202898550725</v>
      </c>
      <c r="F76" s="63">
        <v>0.97087378640776689</v>
      </c>
      <c r="G76" s="15">
        <v>0</v>
      </c>
      <c r="H76" s="62">
        <v>0</v>
      </c>
      <c r="I76" s="63">
        <v>1.7699115044247788</v>
      </c>
      <c r="J76" s="63">
        <v>1.3986013986013985</v>
      </c>
      <c r="K76" s="63">
        <v>0</v>
      </c>
      <c r="L76" s="63">
        <v>0</v>
      </c>
      <c r="M76" s="63">
        <v>6.666666666666667</v>
      </c>
      <c r="N76" s="63">
        <v>2.2471910112359552</v>
      </c>
      <c r="O76" s="63">
        <v>0</v>
      </c>
      <c r="P76" s="63">
        <v>3.5714285714285712</v>
      </c>
      <c r="Q76" s="63">
        <v>0</v>
      </c>
      <c r="R76" s="63">
        <v>6.557377049180328</v>
      </c>
      <c r="S76" s="63">
        <v>8.5714285714285712</v>
      </c>
      <c r="T76" s="63">
        <v>0</v>
      </c>
      <c r="U76" s="63">
        <v>1.1363636363636365</v>
      </c>
      <c r="V76" s="61">
        <v>0</v>
      </c>
      <c r="W76" s="15">
        <v>1.5873015873015872</v>
      </c>
    </row>
    <row r="77" spans="1:23" s="2" customFormat="1" ht="32.25" customHeight="1" x14ac:dyDescent="0.15">
      <c r="A77" s="39" t="s">
        <v>93</v>
      </c>
      <c r="B77" s="40"/>
      <c r="C77" s="71">
        <v>2.1008403361344539</v>
      </c>
      <c r="D77" s="72">
        <v>2.9370629370629371</v>
      </c>
      <c r="E77" s="18">
        <v>1.1594202898550725</v>
      </c>
      <c r="F77" s="18">
        <v>0</v>
      </c>
      <c r="G77" s="25">
        <v>0</v>
      </c>
      <c r="H77" s="72">
        <v>0</v>
      </c>
      <c r="I77" s="18">
        <v>4.4247787610619467</v>
      </c>
      <c r="J77" s="18">
        <v>2.7972027972027971</v>
      </c>
      <c r="K77" s="18">
        <v>5.8823529411764701</v>
      </c>
      <c r="L77" s="18">
        <v>0</v>
      </c>
      <c r="M77" s="18">
        <v>1.9047619047619049</v>
      </c>
      <c r="N77" s="18">
        <v>1.1235955056179776</v>
      </c>
      <c r="O77" s="18">
        <v>0</v>
      </c>
      <c r="P77" s="18">
        <v>0</v>
      </c>
      <c r="Q77" s="18">
        <v>1.4285714285714286</v>
      </c>
      <c r="R77" s="18">
        <v>8.1967213114754092</v>
      </c>
      <c r="S77" s="18">
        <v>0</v>
      </c>
      <c r="T77" s="18">
        <v>3.9215686274509802</v>
      </c>
      <c r="U77" s="18">
        <v>1.7045454545454544</v>
      </c>
      <c r="V77" s="73">
        <v>3.3333333333333335</v>
      </c>
      <c r="W77" s="25">
        <v>0</v>
      </c>
    </row>
    <row r="78" spans="1:23" s="2" customFormat="1" ht="32.25" customHeight="1" x14ac:dyDescent="0.15">
      <c r="A78" s="305" t="s">
        <v>94</v>
      </c>
      <c r="B78" s="40" t="s">
        <v>95</v>
      </c>
      <c r="C78" s="71">
        <v>42.184873949579831</v>
      </c>
      <c r="D78" s="72">
        <v>43.4965034965035</v>
      </c>
      <c r="E78" s="18">
        <v>36.521739130434781</v>
      </c>
      <c r="F78" s="18">
        <v>43.689320388349515</v>
      </c>
      <c r="G78" s="25">
        <v>74.074074074074076</v>
      </c>
      <c r="H78" s="74">
        <v>27.27272727272727</v>
      </c>
      <c r="I78" s="14">
        <v>12.389380530973451</v>
      </c>
      <c r="J78" s="14">
        <v>29.37062937062937</v>
      </c>
      <c r="K78" s="14">
        <v>88.235294117647058</v>
      </c>
      <c r="L78" s="14">
        <v>78.378378378378372</v>
      </c>
      <c r="M78" s="14">
        <v>22.857142857142858</v>
      </c>
      <c r="N78" s="14">
        <v>38.202247191011232</v>
      </c>
      <c r="O78" s="14">
        <v>91.803278688524586</v>
      </c>
      <c r="P78" s="14">
        <v>21.428571428571427</v>
      </c>
      <c r="Q78" s="14">
        <v>48.571428571428569</v>
      </c>
      <c r="R78" s="14">
        <v>11.475409836065573</v>
      </c>
      <c r="S78" s="14">
        <v>45.714285714285715</v>
      </c>
      <c r="T78" s="14">
        <v>64.705882352941174</v>
      </c>
      <c r="U78" s="14">
        <v>48.863636363636367</v>
      </c>
      <c r="V78" s="14">
        <v>43.333333333333336</v>
      </c>
      <c r="W78" s="20">
        <v>48.412698412698411</v>
      </c>
    </row>
    <row r="79" spans="1:23" s="2" customFormat="1" ht="32.25" customHeight="1" x14ac:dyDescent="0.15">
      <c r="A79" s="306"/>
      <c r="B79" s="40" t="s">
        <v>96</v>
      </c>
      <c r="C79" s="71">
        <v>10.756302521008404</v>
      </c>
      <c r="D79" s="72">
        <v>8.8111888111888117</v>
      </c>
      <c r="E79" s="18">
        <v>14.492753623188406</v>
      </c>
      <c r="F79" s="18">
        <v>13.592233009708737</v>
      </c>
      <c r="G79" s="25">
        <v>3.7037037037037033</v>
      </c>
      <c r="H79" s="75">
        <v>9.0909090909090917</v>
      </c>
      <c r="I79" s="18">
        <v>13.274336283185843</v>
      </c>
      <c r="J79" s="18">
        <v>15.384615384615385</v>
      </c>
      <c r="K79" s="18">
        <v>0</v>
      </c>
      <c r="L79" s="18">
        <v>9.4594594594594597</v>
      </c>
      <c r="M79" s="18">
        <v>8.5714285714285712</v>
      </c>
      <c r="N79" s="18">
        <v>7.8651685393258424</v>
      </c>
      <c r="O79" s="18">
        <v>8.1967213114754092</v>
      </c>
      <c r="P79" s="18">
        <v>10.714285714285714</v>
      </c>
      <c r="Q79" s="18">
        <v>14.285714285714285</v>
      </c>
      <c r="R79" s="18">
        <v>11.475409836065573</v>
      </c>
      <c r="S79" s="18">
        <v>17.142857142857142</v>
      </c>
      <c r="T79" s="18">
        <v>5.8823529411764701</v>
      </c>
      <c r="U79" s="18">
        <v>1.7045454545454544</v>
      </c>
      <c r="V79" s="18">
        <v>46.666666666666664</v>
      </c>
      <c r="W79" s="25">
        <v>12.698412698412698</v>
      </c>
    </row>
    <row r="80" spans="1:23" s="2" customFormat="1" ht="32.25" customHeight="1" x14ac:dyDescent="0.15">
      <c r="A80" s="306"/>
      <c r="B80" s="40" t="s">
        <v>97</v>
      </c>
      <c r="C80" s="71">
        <v>14.453781512605044</v>
      </c>
      <c r="D80" s="72">
        <v>16.223776223776223</v>
      </c>
      <c r="E80" s="18">
        <v>13.913043478260869</v>
      </c>
      <c r="F80" s="18">
        <v>6.7961165048543686</v>
      </c>
      <c r="G80" s="25">
        <v>3.7037037037037033</v>
      </c>
      <c r="H80" s="75">
        <v>36.363636363636367</v>
      </c>
      <c r="I80" s="18">
        <v>35.398230088495573</v>
      </c>
      <c r="J80" s="18">
        <v>20.27972027972028</v>
      </c>
      <c r="K80" s="18">
        <v>5.8823529411764701</v>
      </c>
      <c r="L80" s="18">
        <v>0</v>
      </c>
      <c r="M80" s="18">
        <v>22.857142857142858</v>
      </c>
      <c r="N80" s="18">
        <v>8.9887640449438209</v>
      </c>
      <c r="O80" s="18">
        <v>0</v>
      </c>
      <c r="P80" s="18">
        <v>39.285714285714285</v>
      </c>
      <c r="Q80" s="18">
        <v>14.285714285714285</v>
      </c>
      <c r="R80" s="18">
        <v>11.475409836065573</v>
      </c>
      <c r="S80" s="18">
        <v>8.5714285714285712</v>
      </c>
      <c r="T80" s="18">
        <v>3.9215686274509802</v>
      </c>
      <c r="U80" s="18">
        <v>7.9545454545454541</v>
      </c>
      <c r="V80" s="18">
        <v>6.666666666666667</v>
      </c>
      <c r="W80" s="25">
        <v>13.492063492063492</v>
      </c>
    </row>
    <row r="81" spans="1:23" s="2" customFormat="1" ht="32.25" customHeight="1" x14ac:dyDescent="0.15">
      <c r="A81" s="306"/>
      <c r="B81" s="40" t="s">
        <v>98</v>
      </c>
      <c r="C81" s="71">
        <v>2.0168067226890756</v>
      </c>
      <c r="D81" s="72">
        <v>2.0979020979020979</v>
      </c>
      <c r="E81" s="18">
        <v>2.318840579710145</v>
      </c>
      <c r="F81" s="18">
        <v>0.97087378640776689</v>
      </c>
      <c r="G81" s="25">
        <v>0</v>
      </c>
      <c r="H81" s="75">
        <v>0</v>
      </c>
      <c r="I81" s="18">
        <v>7.0796460176991154</v>
      </c>
      <c r="J81" s="18">
        <v>0.69930069930069927</v>
      </c>
      <c r="K81" s="18">
        <v>0</v>
      </c>
      <c r="L81" s="18">
        <v>1.3513513513513513</v>
      </c>
      <c r="M81" s="18">
        <v>5.7142857142857144</v>
      </c>
      <c r="N81" s="18">
        <v>1.1235955056179776</v>
      </c>
      <c r="O81" s="18">
        <v>0</v>
      </c>
      <c r="P81" s="18">
        <v>7.1428571428571423</v>
      </c>
      <c r="Q81" s="18">
        <v>0</v>
      </c>
      <c r="R81" s="18">
        <v>1.639344262295082</v>
      </c>
      <c r="S81" s="18">
        <v>2.8571428571428572</v>
      </c>
      <c r="T81" s="18">
        <v>0</v>
      </c>
      <c r="U81" s="18">
        <v>1.1363636363636365</v>
      </c>
      <c r="V81" s="18">
        <v>0</v>
      </c>
      <c r="W81" s="25">
        <v>0.79365079365079361</v>
      </c>
    </row>
    <row r="82" spans="1:23" s="2" customFormat="1" ht="32.25" customHeight="1" x14ac:dyDescent="0.15">
      <c r="A82" s="39" t="s">
        <v>99</v>
      </c>
      <c r="C82" s="71">
        <v>1.0084033613445378</v>
      </c>
      <c r="D82" s="72">
        <v>1.118881118881119</v>
      </c>
      <c r="E82" s="18">
        <v>0.86956521739130432</v>
      </c>
      <c r="F82" s="18">
        <v>0.97087378640776689</v>
      </c>
      <c r="G82" s="25">
        <v>0</v>
      </c>
      <c r="H82" s="75">
        <v>0</v>
      </c>
      <c r="I82" s="18">
        <v>0</v>
      </c>
      <c r="J82" s="18">
        <v>0</v>
      </c>
      <c r="K82" s="18">
        <v>0</v>
      </c>
      <c r="L82" s="18">
        <v>0</v>
      </c>
      <c r="M82" s="18">
        <v>0.95238095238095244</v>
      </c>
      <c r="N82" s="18">
        <v>0</v>
      </c>
      <c r="O82" s="18">
        <v>0</v>
      </c>
      <c r="P82" s="18">
        <v>0</v>
      </c>
      <c r="Q82" s="18">
        <v>0</v>
      </c>
      <c r="R82" s="18">
        <v>4.918032786885246</v>
      </c>
      <c r="S82" s="18">
        <v>0</v>
      </c>
      <c r="T82" s="18">
        <v>1.9607843137254901</v>
      </c>
      <c r="U82" s="18">
        <v>3.4090909090909087</v>
      </c>
      <c r="V82" s="18">
        <v>0</v>
      </c>
      <c r="W82" s="25">
        <v>0.79365079365079361</v>
      </c>
    </row>
    <row r="83" spans="1:23" s="2" customFormat="1" ht="32.25" customHeight="1" thickBot="1" x14ac:dyDescent="0.2">
      <c r="A83" s="46" t="s">
        <v>100</v>
      </c>
      <c r="B83" s="47"/>
      <c r="C83" s="76">
        <v>25.3781512605042</v>
      </c>
      <c r="D83" s="77">
        <v>22.517482517482517</v>
      </c>
      <c r="E83" s="29">
        <v>29.565217391304348</v>
      </c>
      <c r="F83" s="29">
        <v>33.009708737864081</v>
      </c>
      <c r="G83" s="30">
        <v>18.518518518518519</v>
      </c>
      <c r="H83" s="66">
        <v>27.27272727272727</v>
      </c>
      <c r="I83" s="29">
        <v>25.663716814159294</v>
      </c>
      <c r="J83" s="29">
        <v>30.069930069930066</v>
      </c>
      <c r="K83" s="29">
        <v>0</v>
      </c>
      <c r="L83" s="29">
        <v>10.810810810810811</v>
      </c>
      <c r="M83" s="29">
        <v>30.476190476190478</v>
      </c>
      <c r="N83" s="29">
        <v>40.449438202247187</v>
      </c>
      <c r="O83" s="29">
        <v>0</v>
      </c>
      <c r="P83" s="29">
        <v>17.857142857142858</v>
      </c>
      <c r="Q83" s="29">
        <v>21.428571428571427</v>
      </c>
      <c r="R83" s="29">
        <v>44.26229508196721</v>
      </c>
      <c r="S83" s="29">
        <v>17.142857142857142</v>
      </c>
      <c r="T83" s="29">
        <v>19.607843137254903</v>
      </c>
      <c r="U83" s="29">
        <v>34.090909090909086</v>
      </c>
      <c r="V83" s="29">
        <v>0</v>
      </c>
      <c r="W83" s="30">
        <v>22.222222222222221</v>
      </c>
    </row>
    <row r="84" spans="1:23" s="2" customFormat="1" x14ac:dyDescent="0.15"/>
    <row r="85" spans="1:23" s="2" customFormat="1" x14ac:dyDescent="0.15"/>
    <row r="86" spans="1:23" s="2" customFormat="1" x14ac:dyDescent="0.15">
      <c r="A86" s="2" t="s">
        <v>101</v>
      </c>
      <c r="F86" s="2" t="s">
        <v>419</v>
      </c>
    </row>
    <row r="87" spans="1:23" s="2" customFormat="1" ht="14.25" thickBot="1" x14ac:dyDescent="0.2">
      <c r="W87" s="1" t="s">
        <v>102</v>
      </c>
    </row>
    <row r="88" spans="1:23" s="2" customFormat="1" x14ac:dyDescent="0.15">
      <c r="A88" s="4"/>
      <c r="B88" s="32" t="s">
        <v>76</v>
      </c>
      <c r="C88" s="67"/>
      <c r="D88" s="37" t="s">
        <v>15</v>
      </c>
      <c r="E88" s="38"/>
      <c r="F88" s="38"/>
      <c r="G88" s="48"/>
      <c r="H88" s="37" t="s">
        <v>20</v>
      </c>
      <c r="I88" s="38"/>
      <c r="J88" s="38"/>
      <c r="K88" s="38"/>
      <c r="L88" s="38"/>
      <c r="M88" s="38"/>
      <c r="N88" s="38"/>
      <c r="O88" s="38"/>
      <c r="P88" s="38"/>
      <c r="Q88" s="38"/>
      <c r="R88" s="38"/>
      <c r="S88" s="38"/>
      <c r="T88" s="38"/>
      <c r="U88" s="38"/>
      <c r="V88" s="38"/>
      <c r="W88" s="48"/>
    </row>
    <row r="89" spans="1:23" s="2" customFormat="1" ht="54.75" thickBot="1" x14ac:dyDescent="0.2">
      <c r="A89" s="13" t="s">
        <v>87</v>
      </c>
      <c r="C89" s="68" t="s">
        <v>19</v>
      </c>
      <c r="D89" s="50" t="s">
        <v>103</v>
      </c>
      <c r="E89" s="51" t="s">
        <v>104</v>
      </c>
      <c r="F89" s="51" t="s">
        <v>79</v>
      </c>
      <c r="G89" s="52" t="s">
        <v>1</v>
      </c>
      <c r="H89" s="53" t="s">
        <v>2</v>
      </c>
      <c r="I89" s="78" t="s">
        <v>105</v>
      </c>
      <c r="J89" s="11" t="s">
        <v>3</v>
      </c>
      <c r="K89" s="54" t="s">
        <v>81</v>
      </c>
      <c r="L89" s="55" t="s">
        <v>4</v>
      </c>
      <c r="M89" s="56" t="s">
        <v>5</v>
      </c>
      <c r="N89" s="55" t="s">
        <v>82</v>
      </c>
      <c r="O89" s="55" t="s">
        <v>6</v>
      </c>
      <c r="P89" s="56" t="s">
        <v>7</v>
      </c>
      <c r="Q89" s="57" t="s">
        <v>8</v>
      </c>
      <c r="R89" s="56" t="s">
        <v>9</v>
      </c>
      <c r="S89" s="55" t="s">
        <v>10</v>
      </c>
      <c r="T89" s="55" t="s">
        <v>11</v>
      </c>
      <c r="U89" s="55" t="s">
        <v>12</v>
      </c>
      <c r="V89" s="58" t="s">
        <v>83</v>
      </c>
      <c r="W89" s="59" t="s">
        <v>13</v>
      </c>
    </row>
    <row r="90" spans="1:23" s="2" customFormat="1" ht="33" customHeight="1" thickBot="1" x14ac:dyDescent="0.2">
      <c r="A90" s="79" t="s">
        <v>106</v>
      </c>
      <c r="B90" s="80"/>
      <c r="C90" s="81">
        <v>109.04970263381479</v>
      </c>
      <c r="D90" s="82">
        <v>107.90921985815604</v>
      </c>
      <c r="E90" s="83">
        <v>108.90524781341108</v>
      </c>
      <c r="F90" s="83">
        <v>114.76470588235294</v>
      </c>
      <c r="G90" s="84">
        <v>119.07407407407408</v>
      </c>
      <c r="H90" s="85">
        <v>118.54545454545455</v>
      </c>
      <c r="I90" s="83">
        <v>102.34782608695652</v>
      </c>
      <c r="J90" s="29">
        <v>107.6063829787234</v>
      </c>
      <c r="K90" s="29">
        <v>119.31578947368421</v>
      </c>
      <c r="L90" s="29">
        <v>118.53424657534246</v>
      </c>
      <c r="M90" s="29">
        <v>99.230769230769226</v>
      </c>
      <c r="N90" s="29">
        <v>107.16860465116279</v>
      </c>
      <c r="O90" s="29">
        <v>120.56666666666666</v>
      </c>
      <c r="P90" s="29">
        <v>104.70370370370371</v>
      </c>
      <c r="Q90" s="29">
        <v>112.20588235294117</v>
      </c>
      <c r="R90" s="29">
        <v>92.885245901639351</v>
      </c>
      <c r="S90" s="29">
        <v>103.87878787878788</v>
      </c>
      <c r="T90" s="65">
        <v>114.80392156862744</v>
      </c>
      <c r="U90" s="65">
        <v>112.47701149425288</v>
      </c>
      <c r="V90" s="65">
        <v>113.76666666666667</v>
      </c>
      <c r="W90" s="30">
        <v>113.1008064516129</v>
      </c>
    </row>
    <row r="91" spans="1:23" s="2" customFormat="1" x14ac:dyDescent="0.15"/>
    <row r="92" spans="1:23" s="2" customFormat="1" x14ac:dyDescent="0.15"/>
    <row r="93" spans="1:23" s="2" customFormat="1" x14ac:dyDescent="0.15">
      <c r="A93" s="2" t="s">
        <v>107</v>
      </c>
      <c r="F93" s="2" t="s">
        <v>420</v>
      </c>
    </row>
    <row r="94" spans="1:23" s="2" customFormat="1" ht="14.25" thickBot="1" x14ac:dyDescent="0.2">
      <c r="W94" s="86" t="s">
        <v>108</v>
      </c>
    </row>
    <row r="95" spans="1:23" s="2" customFormat="1" x14ac:dyDescent="0.15">
      <c r="A95" s="4"/>
      <c r="B95" s="5" t="s">
        <v>76</v>
      </c>
      <c r="C95" s="67"/>
      <c r="D95" s="37" t="s">
        <v>15</v>
      </c>
      <c r="E95" s="38"/>
      <c r="F95" s="38"/>
      <c r="G95" s="48"/>
      <c r="H95" s="37" t="s">
        <v>20</v>
      </c>
      <c r="I95" s="38"/>
      <c r="J95" s="38"/>
      <c r="K95" s="38"/>
      <c r="L95" s="38"/>
      <c r="M95" s="38"/>
      <c r="N95" s="38"/>
      <c r="O95" s="38"/>
      <c r="P95" s="38"/>
      <c r="Q95" s="38"/>
      <c r="R95" s="38"/>
      <c r="S95" s="38"/>
      <c r="T95" s="38"/>
      <c r="U95" s="38"/>
      <c r="V95" s="38"/>
      <c r="W95" s="48"/>
    </row>
    <row r="96" spans="1:23" s="2" customFormat="1" ht="54.75" thickBot="1" x14ac:dyDescent="0.2">
      <c r="A96" s="13" t="s">
        <v>87</v>
      </c>
      <c r="C96" s="68" t="s">
        <v>19</v>
      </c>
      <c r="D96" s="50" t="s">
        <v>61</v>
      </c>
      <c r="E96" s="51" t="s">
        <v>78</v>
      </c>
      <c r="F96" s="51" t="s">
        <v>109</v>
      </c>
      <c r="G96" s="52" t="s">
        <v>1</v>
      </c>
      <c r="H96" s="53" t="s">
        <v>2</v>
      </c>
      <c r="I96" s="11" t="s">
        <v>110</v>
      </c>
      <c r="J96" s="11" t="s">
        <v>111</v>
      </c>
      <c r="K96" s="54" t="s">
        <v>81</v>
      </c>
      <c r="L96" s="55" t="s">
        <v>4</v>
      </c>
      <c r="M96" s="56" t="s">
        <v>5</v>
      </c>
      <c r="N96" s="55" t="s">
        <v>82</v>
      </c>
      <c r="O96" s="55" t="s">
        <v>6</v>
      </c>
      <c r="P96" s="56" t="s">
        <v>7</v>
      </c>
      <c r="Q96" s="57" t="s">
        <v>8</v>
      </c>
      <c r="R96" s="56" t="s">
        <v>9</v>
      </c>
      <c r="S96" s="55" t="s">
        <v>10</v>
      </c>
      <c r="T96" s="55" t="s">
        <v>11</v>
      </c>
      <c r="U96" s="55" t="s">
        <v>12</v>
      </c>
      <c r="V96" s="58" t="s">
        <v>83</v>
      </c>
      <c r="W96" s="59" t="s">
        <v>13</v>
      </c>
    </row>
    <row r="97" spans="1:23" s="2" customFormat="1" ht="31.5" customHeight="1" x14ac:dyDescent="0.15">
      <c r="A97" s="37" t="s">
        <v>112</v>
      </c>
      <c r="B97" s="38"/>
      <c r="C97" s="69">
        <v>17.879739001273165</v>
      </c>
      <c r="D97" s="70">
        <v>18.305978898007034</v>
      </c>
      <c r="E97" s="63">
        <v>17.160628019323671</v>
      </c>
      <c r="F97" s="63">
        <v>18.14610347926563</v>
      </c>
      <c r="G97" s="15">
        <v>18.090832934418383</v>
      </c>
      <c r="H97" s="62">
        <v>17.900826446280991</v>
      </c>
      <c r="I97" s="63">
        <v>17.152974504249293</v>
      </c>
      <c r="J97" s="63">
        <v>17.819149565320245</v>
      </c>
      <c r="K97" s="63">
        <v>19.690327070285317</v>
      </c>
      <c r="L97" s="63">
        <v>18.029633933759442</v>
      </c>
      <c r="M97" s="63">
        <v>18.205630026809651</v>
      </c>
      <c r="N97" s="63">
        <v>20.864180154820549</v>
      </c>
      <c r="O97" s="63">
        <v>19.421635434412266</v>
      </c>
      <c r="P97" s="63">
        <v>17.589641434262948</v>
      </c>
      <c r="Q97" s="63">
        <v>18.168498168498168</v>
      </c>
      <c r="R97" s="63">
        <v>14.637116818558409</v>
      </c>
      <c r="S97" s="63">
        <v>17.361111111111111</v>
      </c>
      <c r="T97" s="61">
        <v>19.114617169373549</v>
      </c>
      <c r="U97" s="61">
        <v>17.495217232566631</v>
      </c>
      <c r="V97" s="61">
        <v>18.398296059637914</v>
      </c>
      <c r="W97" s="15">
        <v>16.582025677603422</v>
      </c>
    </row>
    <row r="98" spans="1:23" s="2" customFormat="1" ht="31.5" customHeight="1" x14ac:dyDescent="0.15">
      <c r="A98" s="39" t="s">
        <v>113</v>
      </c>
      <c r="B98" s="40"/>
      <c r="C98" s="71">
        <v>9.0824197199038057</v>
      </c>
      <c r="D98" s="72">
        <v>7.5617819460726849</v>
      </c>
      <c r="E98" s="18">
        <v>7.7362064581744212</v>
      </c>
      <c r="F98" s="18">
        <v>9.4845936577224297</v>
      </c>
      <c r="G98" s="25">
        <v>10.750957395883198</v>
      </c>
      <c r="H98" s="75">
        <v>7.4628099173553721</v>
      </c>
      <c r="I98" s="18">
        <v>7.6109537299339003</v>
      </c>
      <c r="J98" s="18">
        <v>10.375480513336093</v>
      </c>
      <c r="K98" s="18">
        <v>17.820459290187891</v>
      </c>
      <c r="L98" s="18">
        <v>8.1208599651365478</v>
      </c>
      <c r="M98" s="18">
        <v>9.1396782841823061</v>
      </c>
      <c r="N98" s="18">
        <v>7.3673469387755102</v>
      </c>
      <c r="O98" s="18">
        <v>9.7512776831345818</v>
      </c>
      <c r="P98" s="18">
        <v>6.3944223107569718</v>
      </c>
      <c r="Q98" s="18">
        <v>8.8959706959706963</v>
      </c>
      <c r="R98" s="18">
        <v>4.6768848384424189</v>
      </c>
      <c r="S98" s="18">
        <v>5.14766081871345</v>
      </c>
      <c r="T98" s="73">
        <v>7.8013921113689095</v>
      </c>
      <c r="U98" s="73">
        <v>8.6422782037239863</v>
      </c>
      <c r="V98" s="73">
        <v>8.2923322683706076</v>
      </c>
      <c r="W98" s="25">
        <v>7.9388968140751306</v>
      </c>
    </row>
    <row r="99" spans="1:23" s="2" customFormat="1" ht="31.5" customHeight="1" x14ac:dyDescent="0.15">
      <c r="A99" s="21" t="s">
        <v>114</v>
      </c>
      <c r="B99" s="40"/>
      <c r="C99" s="71">
        <v>50.797272372136263</v>
      </c>
      <c r="D99" s="72">
        <v>41.307716938840862</v>
      </c>
      <c r="E99" s="18">
        <v>45.081138344488849</v>
      </c>
      <c r="F99" s="18">
        <v>52.267935474741769</v>
      </c>
      <c r="G99" s="25">
        <v>59.427652860743407</v>
      </c>
      <c r="H99" s="75">
        <v>41.689750692520775</v>
      </c>
      <c r="I99" s="18">
        <v>44.371043214973852</v>
      </c>
      <c r="J99" s="18">
        <v>58.226575153333506</v>
      </c>
      <c r="K99" s="18">
        <v>90.503622548153388</v>
      </c>
      <c r="L99" s="18">
        <v>45.041735150987783</v>
      </c>
      <c r="M99" s="18">
        <v>50.202482807368909</v>
      </c>
      <c r="N99" s="18">
        <v>35.310982191041553</v>
      </c>
      <c r="O99" s="18">
        <v>50.208324196307174</v>
      </c>
      <c r="P99" s="18">
        <v>36.35334088335221</v>
      </c>
      <c r="Q99" s="18">
        <v>48.963709677419359</v>
      </c>
      <c r="R99" s="18">
        <v>31.952227316465727</v>
      </c>
      <c r="S99" s="18">
        <v>29.65052631578947</v>
      </c>
      <c r="T99" s="73">
        <v>40.813750242765593</v>
      </c>
      <c r="U99" s="73">
        <v>49.397947386653421</v>
      </c>
      <c r="V99" s="73">
        <v>45.071197036351009</v>
      </c>
      <c r="W99" s="25">
        <v>47.876519844000917</v>
      </c>
    </row>
    <row r="100" spans="1:23" s="2" customFormat="1" ht="31.5" customHeight="1" x14ac:dyDescent="0.15">
      <c r="A100" s="307" t="s">
        <v>115</v>
      </c>
      <c r="B100" s="87" t="s">
        <v>116</v>
      </c>
      <c r="C100" s="71">
        <v>7.7140169332079029</v>
      </c>
      <c r="D100" s="72">
        <v>9.0332805071315381</v>
      </c>
      <c r="E100" s="18">
        <v>4.7770700636942678</v>
      </c>
      <c r="F100" s="18">
        <v>7.4468085106382977</v>
      </c>
      <c r="G100" s="25">
        <v>12.5</v>
      </c>
      <c r="H100" s="75">
        <v>0</v>
      </c>
      <c r="I100" s="18">
        <v>6.1224489795918364</v>
      </c>
      <c r="J100" s="18">
        <v>6.25</v>
      </c>
      <c r="K100" s="18">
        <v>61.111111111111114</v>
      </c>
      <c r="L100" s="18">
        <v>6.3492063492063489</v>
      </c>
      <c r="M100" s="18">
        <v>7.216494845360824</v>
      </c>
      <c r="N100" s="18">
        <v>7.59493670886076</v>
      </c>
      <c r="O100" s="18">
        <v>3.5714285714285712</v>
      </c>
      <c r="P100" s="18">
        <v>13.043478260869565</v>
      </c>
      <c r="Q100" s="18">
        <v>3.1746031746031744</v>
      </c>
      <c r="R100" s="18">
        <v>6.25</v>
      </c>
      <c r="S100" s="18">
        <v>10</v>
      </c>
      <c r="T100" s="73">
        <v>4.1666666666666661</v>
      </c>
      <c r="U100" s="73">
        <v>9.1463414634146343</v>
      </c>
      <c r="V100" s="73">
        <v>17.857142857142858</v>
      </c>
      <c r="W100" s="25">
        <v>4.5454545454545459</v>
      </c>
    </row>
    <row r="101" spans="1:23" s="2" customFormat="1" ht="31.5" customHeight="1" x14ac:dyDescent="0.15">
      <c r="A101" s="308"/>
      <c r="B101" s="87" t="s">
        <v>117</v>
      </c>
      <c r="C101" s="71">
        <v>4.1392285983066799</v>
      </c>
      <c r="D101" s="72">
        <v>3.6450079239302693</v>
      </c>
      <c r="E101" s="18">
        <v>2.8662420382165608</v>
      </c>
      <c r="F101" s="18">
        <v>12.76595744680851</v>
      </c>
      <c r="G101" s="25">
        <v>0</v>
      </c>
      <c r="H101" s="75">
        <v>0</v>
      </c>
      <c r="I101" s="18">
        <v>4.0816326530612246</v>
      </c>
      <c r="J101" s="18">
        <v>6.25</v>
      </c>
      <c r="K101" s="18">
        <v>5.5555555555555554</v>
      </c>
      <c r="L101" s="18">
        <v>1.5873015873015872</v>
      </c>
      <c r="M101" s="18">
        <v>5.1546391752577314</v>
      </c>
      <c r="N101" s="18">
        <v>2.5316455696202533</v>
      </c>
      <c r="O101" s="18">
        <v>3.5714285714285712</v>
      </c>
      <c r="P101" s="18">
        <v>0</v>
      </c>
      <c r="Q101" s="18">
        <v>4.7619047619047619</v>
      </c>
      <c r="R101" s="18">
        <v>4.1666666666666661</v>
      </c>
      <c r="S101" s="18">
        <v>6.666666666666667</v>
      </c>
      <c r="T101" s="73">
        <v>0</v>
      </c>
      <c r="U101" s="73">
        <v>4.2682926829268295</v>
      </c>
      <c r="V101" s="73">
        <v>3.5714285714285712</v>
      </c>
      <c r="W101" s="25">
        <v>5.4545454545454541</v>
      </c>
    </row>
    <row r="102" spans="1:23" s="2" customFormat="1" ht="31.5" customHeight="1" x14ac:dyDescent="0.15">
      <c r="A102" s="308"/>
      <c r="B102" s="87" t="s">
        <v>118</v>
      </c>
      <c r="C102" s="71">
        <v>7.7140169332079029</v>
      </c>
      <c r="D102" s="72">
        <v>7.9239302694136287</v>
      </c>
      <c r="E102" s="18">
        <v>7.3248407643312099</v>
      </c>
      <c r="F102" s="18">
        <v>7.4468085106382977</v>
      </c>
      <c r="G102" s="25">
        <v>8.3333333333333321</v>
      </c>
      <c r="H102" s="75">
        <v>10</v>
      </c>
      <c r="I102" s="18">
        <v>10.204081632653061</v>
      </c>
      <c r="J102" s="18">
        <v>5.46875</v>
      </c>
      <c r="K102" s="18">
        <v>5.5555555555555554</v>
      </c>
      <c r="L102" s="18">
        <v>11.111111111111111</v>
      </c>
      <c r="M102" s="18">
        <v>5.1546391752577314</v>
      </c>
      <c r="N102" s="18">
        <v>3.79746835443038</v>
      </c>
      <c r="O102" s="18">
        <v>5.3571428571428568</v>
      </c>
      <c r="P102" s="18">
        <v>4.3478260869565215</v>
      </c>
      <c r="Q102" s="18">
        <v>9.5238095238095237</v>
      </c>
      <c r="R102" s="18">
        <v>8.3333333333333321</v>
      </c>
      <c r="S102" s="18">
        <v>3.3333333333333335</v>
      </c>
      <c r="T102" s="73">
        <v>6.25</v>
      </c>
      <c r="U102" s="73">
        <v>9.1463414634146343</v>
      </c>
      <c r="V102" s="73">
        <v>3.5714285714285712</v>
      </c>
      <c r="W102" s="25">
        <v>12.727272727272727</v>
      </c>
    </row>
    <row r="103" spans="1:23" s="2" customFormat="1" ht="31.5" customHeight="1" x14ac:dyDescent="0.15">
      <c r="A103" s="308"/>
      <c r="B103" s="87" t="s">
        <v>119</v>
      </c>
      <c r="C103" s="71">
        <v>9.6895578551269992</v>
      </c>
      <c r="D103" s="72">
        <v>9.0332805071315381</v>
      </c>
      <c r="E103" s="18">
        <v>8.9171974522292992</v>
      </c>
      <c r="F103" s="18">
        <v>9.5744680851063837</v>
      </c>
      <c r="G103" s="25">
        <v>37.5</v>
      </c>
      <c r="H103" s="75">
        <v>20</v>
      </c>
      <c r="I103" s="18">
        <v>4.0816326530612246</v>
      </c>
      <c r="J103" s="18">
        <v>16.40625</v>
      </c>
      <c r="K103" s="18">
        <v>16.666666666666664</v>
      </c>
      <c r="L103" s="18">
        <v>9.5238095238095237</v>
      </c>
      <c r="M103" s="18">
        <v>10.309278350515463</v>
      </c>
      <c r="N103" s="18">
        <v>5.0632911392405067</v>
      </c>
      <c r="O103" s="18">
        <v>12.5</v>
      </c>
      <c r="P103" s="18">
        <v>8.695652173913043</v>
      </c>
      <c r="Q103" s="18">
        <v>15.873015873015872</v>
      </c>
      <c r="R103" s="18">
        <v>6.25</v>
      </c>
      <c r="S103" s="18">
        <v>6.666666666666667</v>
      </c>
      <c r="T103" s="73">
        <v>12.5</v>
      </c>
      <c r="U103" s="73">
        <v>10.365853658536585</v>
      </c>
      <c r="V103" s="73">
        <v>3.5714285714285712</v>
      </c>
      <c r="W103" s="25">
        <v>4.5454545454545459</v>
      </c>
    </row>
    <row r="104" spans="1:23" s="2" customFormat="1" ht="31.5" customHeight="1" x14ac:dyDescent="0.15">
      <c r="A104" s="308"/>
      <c r="B104" s="87" t="s">
        <v>120</v>
      </c>
      <c r="C104" s="71">
        <v>16.650987770460958</v>
      </c>
      <c r="D104" s="72">
        <v>15.847860538827257</v>
      </c>
      <c r="E104" s="18">
        <v>19.426751592356688</v>
      </c>
      <c r="F104" s="18">
        <v>14.893617021276595</v>
      </c>
      <c r="G104" s="25">
        <v>8.3333333333333321</v>
      </c>
      <c r="H104" s="75">
        <v>10</v>
      </c>
      <c r="I104" s="18">
        <v>18.367346938775512</v>
      </c>
      <c r="J104" s="18">
        <v>16.40625</v>
      </c>
      <c r="K104" s="18">
        <v>0</v>
      </c>
      <c r="L104" s="18">
        <v>22.222222222222221</v>
      </c>
      <c r="M104" s="18">
        <v>11.340206185567011</v>
      </c>
      <c r="N104" s="18">
        <v>10.126582278481013</v>
      </c>
      <c r="O104" s="18">
        <v>26.785714285714285</v>
      </c>
      <c r="P104" s="18">
        <v>8.695652173913043</v>
      </c>
      <c r="Q104" s="18">
        <v>28.571428571428569</v>
      </c>
      <c r="R104" s="18">
        <v>4.1666666666666661</v>
      </c>
      <c r="S104" s="18">
        <v>6.666666666666667</v>
      </c>
      <c r="T104" s="73">
        <v>12.5</v>
      </c>
      <c r="U104" s="73">
        <v>15.853658536585366</v>
      </c>
      <c r="V104" s="73">
        <v>25</v>
      </c>
      <c r="W104" s="25">
        <v>23.636363636363637</v>
      </c>
    </row>
    <row r="105" spans="1:23" s="2" customFormat="1" ht="31.5" customHeight="1" x14ac:dyDescent="0.15">
      <c r="A105" s="308"/>
      <c r="B105" s="87" t="s">
        <v>121</v>
      </c>
      <c r="C105" s="71">
        <v>10.630291627469427</v>
      </c>
      <c r="D105" s="72">
        <v>8.5578446909667196</v>
      </c>
      <c r="E105" s="18">
        <v>14.012738853503185</v>
      </c>
      <c r="F105" s="18">
        <v>13.829787234042554</v>
      </c>
      <c r="G105" s="25">
        <v>8.3333333333333321</v>
      </c>
      <c r="H105" s="75">
        <v>30</v>
      </c>
      <c r="I105" s="18">
        <v>10.204081632653061</v>
      </c>
      <c r="J105" s="18">
        <v>10.9375</v>
      </c>
      <c r="K105" s="18">
        <v>11.111111111111111</v>
      </c>
      <c r="L105" s="18">
        <v>9.5238095238095237</v>
      </c>
      <c r="M105" s="18">
        <v>7.216494845360824</v>
      </c>
      <c r="N105" s="18">
        <v>7.59493670886076</v>
      </c>
      <c r="O105" s="18">
        <v>12.5</v>
      </c>
      <c r="P105" s="18">
        <v>4.3478260869565215</v>
      </c>
      <c r="Q105" s="18">
        <v>3.1746031746031744</v>
      </c>
      <c r="R105" s="18">
        <v>6.25</v>
      </c>
      <c r="S105" s="18">
        <v>13.333333333333334</v>
      </c>
      <c r="T105" s="73">
        <v>14.583333333333334</v>
      </c>
      <c r="U105" s="73">
        <v>17.073170731707318</v>
      </c>
      <c r="V105" s="73">
        <v>14.285714285714285</v>
      </c>
      <c r="W105" s="25">
        <v>8.1818181818181817</v>
      </c>
    </row>
    <row r="106" spans="1:23" s="2" customFormat="1" ht="31.5" customHeight="1" x14ac:dyDescent="0.15">
      <c r="A106" s="308"/>
      <c r="B106" s="87" t="s">
        <v>122</v>
      </c>
      <c r="C106" s="71">
        <v>13.828786453433677</v>
      </c>
      <c r="D106" s="72">
        <v>12.202852614896988</v>
      </c>
      <c r="E106" s="18">
        <v>15.605095541401273</v>
      </c>
      <c r="F106" s="18">
        <v>17.021276595744681</v>
      </c>
      <c r="G106" s="25">
        <v>20.833333333333336</v>
      </c>
      <c r="H106" s="75">
        <v>0</v>
      </c>
      <c r="I106" s="18">
        <v>9.183673469387756</v>
      </c>
      <c r="J106" s="18">
        <v>11.71875</v>
      </c>
      <c r="K106" s="18">
        <v>0</v>
      </c>
      <c r="L106" s="18">
        <v>17.460317460317459</v>
      </c>
      <c r="M106" s="18">
        <v>10.309278350515463</v>
      </c>
      <c r="N106" s="18">
        <v>12.658227848101266</v>
      </c>
      <c r="O106" s="18">
        <v>12.5</v>
      </c>
      <c r="P106" s="18">
        <v>21.739130434782609</v>
      </c>
      <c r="Q106" s="18">
        <v>15.873015873015872</v>
      </c>
      <c r="R106" s="18">
        <v>12.5</v>
      </c>
      <c r="S106" s="18">
        <v>16.666666666666664</v>
      </c>
      <c r="T106" s="73">
        <v>29.166666666666668</v>
      </c>
      <c r="U106" s="73">
        <v>18.902439024390244</v>
      </c>
      <c r="V106" s="73">
        <v>10.714285714285714</v>
      </c>
      <c r="W106" s="25">
        <v>10</v>
      </c>
    </row>
    <row r="107" spans="1:23" s="2" customFormat="1" ht="31.5" customHeight="1" x14ac:dyDescent="0.15">
      <c r="A107" s="308"/>
      <c r="B107" s="87" t="s">
        <v>123</v>
      </c>
      <c r="C107" s="88">
        <v>12.793979303857009</v>
      </c>
      <c r="D107" s="89">
        <v>13.946117274167987</v>
      </c>
      <c r="E107" s="26">
        <v>12.420382165605096</v>
      </c>
      <c r="F107" s="26">
        <v>8.5106382978723403</v>
      </c>
      <c r="G107" s="27">
        <v>4.1666666666666661</v>
      </c>
      <c r="H107" s="90">
        <v>20</v>
      </c>
      <c r="I107" s="26">
        <v>17.346938775510203</v>
      </c>
      <c r="J107" s="26">
        <v>7.8125</v>
      </c>
      <c r="K107" s="26">
        <v>0</v>
      </c>
      <c r="L107" s="26">
        <v>9.5238095238095237</v>
      </c>
      <c r="M107" s="26">
        <v>10.309278350515463</v>
      </c>
      <c r="N107" s="26">
        <v>16.455696202531644</v>
      </c>
      <c r="O107" s="26">
        <v>14.285714285714285</v>
      </c>
      <c r="P107" s="26">
        <v>26.086956521739129</v>
      </c>
      <c r="Q107" s="26">
        <v>15.873015873015872</v>
      </c>
      <c r="R107" s="26">
        <v>18.75</v>
      </c>
      <c r="S107" s="26">
        <v>20</v>
      </c>
      <c r="T107" s="91">
        <v>12.5</v>
      </c>
      <c r="U107" s="91">
        <v>7.9268292682926829</v>
      </c>
      <c r="V107" s="91">
        <v>17.857142857142858</v>
      </c>
      <c r="W107" s="25">
        <v>13.636363636363635</v>
      </c>
    </row>
    <row r="108" spans="1:23" s="2" customFormat="1" ht="31.5" customHeight="1" x14ac:dyDescent="0.15">
      <c r="A108" s="308"/>
      <c r="B108" s="87" t="s">
        <v>124</v>
      </c>
      <c r="C108" s="88">
        <v>9.6895578551269992</v>
      </c>
      <c r="D108" s="89">
        <v>10.935023771790808</v>
      </c>
      <c r="E108" s="26">
        <v>9.2356687898089174</v>
      </c>
      <c r="F108" s="26">
        <v>5.3191489361702127</v>
      </c>
      <c r="G108" s="27">
        <v>0</v>
      </c>
      <c r="H108" s="90">
        <v>10</v>
      </c>
      <c r="I108" s="26">
        <v>14.285714285714285</v>
      </c>
      <c r="J108" s="26">
        <v>12.5</v>
      </c>
      <c r="K108" s="26">
        <v>0</v>
      </c>
      <c r="L108" s="26">
        <v>6.3492063492063489</v>
      </c>
      <c r="M108" s="26">
        <v>17.525773195876287</v>
      </c>
      <c r="N108" s="26">
        <v>15.18987341772152</v>
      </c>
      <c r="O108" s="26">
        <v>8.9285714285714288</v>
      </c>
      <c r="P108" s="26">
        <v>0</v>
      </c>
      <c r="Q108" s="26">
        <v>0</v>
      </c>
      <c r="R108" s="26">
        <v>16.666666666666664</v>
      </c>
      <c r="S108" s="26">
        <v>3.3333333333333335</v>
      </c>
      <c r="T108" s="91">
        <v>6.25</v>
      </c>
      <c r="U108" s="91">
        <v>4.8780487804878048</v>
      </c>
      <c r="V108" s="91">
        <v>3.5714285714285712</v>
      </c>
      <c r="W108" s="25">
        <v>11.818181818181818</v>
      </c>
    </row>
    <row r="109" spans="1:23" s="2" customFormat="1" ht="31.5" customHeight="1" thickBot="1" x14ac:dyDescent="0.2">
      <c r="A109" s="309"/>
      <c r="B109" s="92" t="s">
        <v>125</v>
      </c>
      <c r="C109" s="76">
        <v>7.1495766698024461</v>
      </c>
      <c r="D109" s="77">
        <v>8.8748019017432647</v>
      </c>
      <c r="E109" s="29">
        <v>5.4140127388535033</v>
      </c>
      <c r="F109" s="29">
        <v>3.1914893617021276</v>
      </c>
      <c r="G109" s="30">
        <v>0</v>
      </c>
      <c r="H109" s="66">
        <v>0</v>
      </c>
      <c r="I109" s="29">
        <v>6.1224489795918364</v>
      </c>
      <c r="J109" s="29">
        <v>6.25</v>
      </c>
      <c r="K109" s="29">
        <v>0</v>
      </c>
      <c r="L109" s="29">
        <v>6.3492063492063489</v>
      </c>
      <c r="M109" s="29">
        <v>15.463917525773196</v>
      </c>
      <c r="N109" s="29">
        <v>18.9873417721519</v>
      </c>
      <c r="O109" s="29">
        <v>0</v>
      </c>
      <c r="P109" s="29">
        <v>13.043478260869565</v>
      </c>
      <c r="Q109" s="29">
        <v>3.1746031746031744</v>
      </c>
      <c r="R109" s="29">
        <v>16.666666666666664</v>
      </c>
      <c r="S109" s="29">
        <v>13.333333333333334</v>
      </c>
      <c r="T109" s="65">
        <v>2.083333333333333</v>
      </c>
      <c r="U109" s="65">
        <v>2.4390243902439024</v>
      </c>
      <c r="V109" s="65">
        <v>0</v>
      </c>
      <c r="W109" s="30">
        <v>5.4545454545454541</v>
      </c>
    </row>
    <row r="110" spans="1:23" s="2" customFormat="1" ht="11.25" customHeight="1" x14ac:dyDescent="0.15"/>
    <row r="111" spans="1:23" s="2" customFormat="1" ht="18" customHeight="1" x14ac:dyDescent="0.15"/>
    <row r="112" spans="1:23" s="2" customFormat="1" x14ac:dyDescent="0.15">
      <c r="A112" s="2" t="s">
        <v>415</v>
      </c>
      <c r="F112" s="2" t="s">
        <v>421</v>
      </c>
    </row>
    <row r="113" spans="1:23" s="2" customFormat="1" ht="14.25" thickBot="1" x14ac:dyDescent="0.2">
      <c r="W113" s="86" t="s">
        <v>126</v>
      </c>
    </row>
    <row r="114" spans="1:23" s="2" customFormat="1" x14ac:dyDescent="0.15">
      <c r="A114" s="4"/>
      <c r="B114" s="5" t="s">
        <v>76</v>
      </c>
      <c r="C114" s="67"/>
      <c r="D114" s="37" t="s">
        <v>15</v>
      </c>
      <c r="E114" s="38"/>
      <c r="F114" s="38"/>
      <c r="G114" s="48"/>
      <c r="H114" s="37" t="s">
        <v>20</v>
      </c>
      <c r="I114" s="38"/>
      <c r="J114" s="38"/>
      <c r="K114" s="38"/>
      <c r="L114" s="38"/>
      <c r="M114" s="38"/>
      <c r="N114" s="38"/>
      <c r="O114" s="38"/>
      <c r="P114" s="38"/>
      <c r="Q114" s="38"/>
      <c r="R114" s="38"/>
      <c r="S114" s="38"/>
      <c r="T114" s="38"/>
      <c r="U114" s="38"/>
      <c r="V114" s="38"/>
      <c r="W114" s="48"/>
    </row>
    <row r="115" spans="1:23" s="2" customFormat="1" ht="54.75" thickBot="1" x14ac:dyDescent="0.2">
      <c r="A115" s="13" t="s">
        <v>87</v>
      </c>
      <c r="C115" s="68" t="s">
        <v>19</v>
      </c>
      <c r="D115" s="50" t="s">
        <v>61</v>
      </c>
      <c r="E115" s="51" t="s">
        <v>127</v>
      </c>
      <c r="F115" s="51" t="s">
        <v>128</v>
      </c>
      <c r="G115" s="52" t="s">
        <v>1</v>
      </c>
      <c r="H115" s="53" t="s">
        <v>2</v>
      </c>
      <c r="I115" s="11" t="s">
        <v>89</v>
      </c>
      <c r="J115" s="11" t="s">
        <v>129</v>
      </c>
      <c r="K115" s="54" t="s">
        <v>91</v>
      </c>
      <c r="L115" s="55" t="s">
        <v>4</v>
      </c>
      <c r="M115" s="56" t="s">
        <v>5</v>
      </c>
      <c r="N115" s="55" t="s">
        <v>82</v>
      </c>
      <c r="O115" s="55" t="s">
        <v>6</v>
      </c>
      <c r="P115" s="56" t="s">
        <v>7</v>
      </c>
      <c r="Q115" s="57" t="s">
        <v>8</v>
      </c>
      <c r="R115" s="56" t="s">
        <v>9</v>
      </c>
      <c r="S115" s="55" t="s">
        <v>10</v>
      </c>
      <c r="T115" s="55" t="s">
        <v>11</v>
      </c>
      <c r="U115" s="55" t="s">
        <v>12</v>
      </c>
      <c r="V115" s="58" t="s">
        <v>83</v>
      </c>
      <c r="W115" s="59" t="s">
        <v>13</v>
      </c>
    </row>
    <row r="116" spans="1:23" s="2" customFormat="1" ht="33" customHeight="1" x14ac:dyDescent="0.15">
      <c r="A116" s="4" t="s">
        <v>130</v>
      </c>
      <c r="B116" s="38"/>
      <c r="C116" s="69">
        <v>87.436762225969645</v>
      </c>
      <c r="D116" s="70">
        <v>84.291725105189343</v>
      </c>
      <c r="E116" s="63">
        <v>91.545189504373184</v>
      </c>
      <c r="F116" s="63">
        <v>92.233009708737868</v>
      </c>
      <c r="G116" s="15">
        <v>100</v>
      </c>
      <c r="H116" s="62">
        <v>90.909090909090907</v>
      </c>
      <c r="I116" s="63">
        <v>76.521739130434781</v>
      </c>
      <c r="J116" s="63">
        <v>82.269503546099287</v>
      </c>
      <c r="K116" s="63">
        <v>100</v>
      </c>
      <c r="L116" s="63">
        <v>95.945945945945937</v>
      </c>
      <c r="M116" s="63">
        <v>80</v>
      </c>
      <c r="N116" s="63">
        <v>82.954545454545453</v>
      </c>
      <c r="O116" s="63">
        <v>96.721311475409834</v>
      </c>
      <c r="P116" s="63">
        <v>85.18518518518519</v>
      </c>
      <c r="Q116" s="63">
        <v>94.20289855072464</v>
      </c>
      <c r="R116" s="63">
        <v>73.770491803278688</v>
      </c>
      <c r="S116" s="63">
        <v>79.411764705882348</v>
      </c>
      <c r="T116" s="61">
        <v>86.274509803921575</v>
      </c>
      <c r="U116" s="61">
        <v>97.727272727272734</v>
      </c>
      <c r="V116" s="61">
        <v>93.333333333333329</v>
      </c>
      <c r="W116" s="15">
        <v>91.129032258064512</v>
      </c>
    </row>
    <row r="117" spans="1:23" s="2" customFormat="1" ht="33" customHeight="1" x14ac:dyDescent="0.15">
      <c r="A117" s="93"/>
      <c r="B117" s="87" t="s">
        <v>131</v>
      </c>
      <c r="C117" s="71">
        <v>10.202360876897133</v>
      </c>
      <c r="D117" s="72">
        <v>9.1164095371669003</v>
      </c>
      <c r="E117" s="18">
        <v>6.1224489795918364</v>
      </c>
      <c r="F117" s="18">
        <v>9.7087378640776691</v>
      </c>
      <c r="G117" s="25">
        <v>14.814814814814813</v>
      </c>
      <c r="H117" s="75">
        <v>9.0909090909090917</v>
      </c>
      <c r="I117" s="18">
        <v>7.8260869565217401</v>
      </c>
      <c r="J117" s="18">
        <v>4.9645390070921991</v>
      </c>
      <c r="K117" s="18">
        <v>5.2631578947368416</v>
      </c>
      <c r="L117" s="18">
        <v>9.4594594594594597</v>
      </c>
      <c r="M117" s="18">
        <v>11.428571428571429</v>
      </c>
      <c r="N117" s="18">
        <v>15.909090909090908</v>
      </c>
      <c r="O117" s="18">
        <v>14.754098360655737</v>
      </c>
      <c r="P117" s="18">
        <v>14.814814814814813</v>
      </c>
      <c r="Q117" s="18">
        <v>7.2463768115942031</v>
      </c>
      <c r="R117" s="18">
        <v>9.8360655737704921</v>
      </c>
      <c r="S117" s="18">
        <v>14.705882352941178</v>
      </c>
      <c r="T117" s="73">
        <v>11.76470588235294</v>
      </c>
      <c r="U117" s="73">
        <v>9.0909090909090917</v>
      </c>
      <c r="V117" s="73">
        <v>30</v>
      </c>
      <c r="W117" s="25">
        <v>8.064516129032258</v>
      </c>
    </row>
    <row r="118" spans="1:23" s="2" customFormat="1" ht="33" customHeight="1" x14ac:dyDescent="0.15">
      <c r="A118" s="93"/>
      <c r="B118" s="94" t="s">
        <v>132</v>
      </c>
      <c r="C118" s="71">
        <v>9.5278246205733552</v>
      </c>
      <c r="D118" s="72">
        <v>52.734922861150068</v>
      </c>
      <c r="E118" s="18">
        <v>9.9125364431486886</v>
      </c>
      <c r="F118" s="18">
        <v>9.7087378640776691</v>
      </c>
      <c r="G118" s="25">
        <v>14.814814814814813</v>
      </c>
      <c r="H118" s="75">
        <v>9.0909090909090917</v>
      </c>
      <c r="I118" s="18">
        <v>19.130434782608695</v>
      </c>
      <c r="J118" s="18">
        <v>14.184397163120568</v>
      </c>
      <c r="K118" s="18">
        <v>0</v>
      </c>
      <c r="L118" s="18">
        <v>5.4054054054054053</v>
      </c>
      <c r="M118" s="18">
        <v>6.666666666666667</v>
      </c>
      <c r="N118" s="18">
        <v>9.0909090909090917</v>
      </c>
      <c r="O118" s="18">
        <v>13.114754098360656</v>
      </c>
      <c r="P118" s="18">
        <v>11.111111111111111</v>
      </c>
      <c r="Q118" s="18">
        <v>15.942028985507244</v>
      </c>
      <c r="R118" s="18">
        <v>8.1967213114754092</v>
      </c>
      <c r="S118" s="18">
        <v>2.9411764705882351</v>
      </c>
      <c r="T118" s="73">
        <v>9.8039215686274517</v>
      </c>
      <c r="U118" s="73">
        <v>4.5454545454545459</v>
      </c>
      <c r="V118" s="73">
        <v>6.666666666666667</v>
      </c>
      <c r="W118" s="25">
        <v>6.4516129032258061</v>
      </c>
    </row>
    <row r="119" spans="1:23" s="2" customFormat="1" ht="33" customHeight="1" x14ac:dyDescent="0.15">
      <c r="A119" s="93"/>
      <c r="B119" s="87" t="s">
        <v>133</v>
      </c>
      <c r="C119" s="71">
        <v>57.082630691399658</v>
      </c>
      <c r="D119" s="72">
        <v>50.63113604488079</v>
      </c>
      <c r="E119" s="18">
        <v>60.641399416909621</v>
      </c>
      <c r="F119" s="18">
        <v>71.844660194174764</v>
      </c>
      <c r="G119" s="25">
        <v>70.370370370370367</v>
      </c>
      <c r="H119" s="75">
        <v>81.818181818181827</v>
      </c>
      <c r="I119" s="18">
        <v>52.173913043478258</v>
      </c>
      <c r="J119" s="18">
        <v>59.574468085106382</v>
      </c>
      <c r="K119" s="18">
        <v>89.473684210526315</v>
      </c>
      <c r="L119" s="18">
        <v>75.675675675675677</v>
      </c>
      <c r="M119" s="18">
        <v>44.761904761904766</v>
      </c>
      <c r="N119" s="18">
        <v>47.727272727272727</v>
      </c>
      <c r="O119" s="18">
        <v>39.344262295081968</v>
      </c>
      <c r="P119" s="18">
        <v>37.037037037037038</v>
      </c>
      <c r="Q119" s="18">
        <v>60.869565217391312</v>
      </c>
      <c r="R119" s="18">
        <v>42.622950819672127</v>
      </c>
      <c r="S119" s="18">
        <v>58.82352941176471</v>
      </c>
      <c r="T119" s="73">
        <v>50.980392156862742</v>
      </c>
      <c r="U119" s="73">
        <v>69.88636363636364</v>
      </c>
      <c r="V119" s="73">
        <v>53.333333333333336</v>
      </c>
      <c r="W119" s="25">
        <v>60.483870967741936</v>
      </c>
    </row>
    <row r="120" spans="1:23" s="2" customFormat="1" ht="33" customHeight="1" x14ac:dyDescent="0.15">
      <c r="A120" s="93"/>
      <c r="B120" s="87" t="s">
        <v>134</v>
      </c>
      <c r="C120" s="71">
        <v>58.094435075885329</v>
      </c>
      <c r="D120" s="72">
        <v>11.50070126227209</v>
      </c>
      <c r="E120" s="18">
        <v>65.306122448979593</v>
      </c>
      <c r="F120" s="18">
        <v>79.611650485436897</v>
      </c>
      <c r="G120" s="25">
        <v>81.481481481481481</v>
      </c>
      <c r="H120" s="75">
        <v>27.27272727272727</v>
      </c>
      <c r="I120" s="18">
        <v>44.347826086956523</v>
      </c>
      <c r="J120" s="18">
        <v>63.12056737588653</v>
      </c>
      <c r="K120" s="18">
        <v>94.73684210526315</v>
      </c>
      <c r="L120" s="18">
        <v>75.675675675675677</v>
      </c>
      <c r="M120" s="18">
        <v>27.61904761904762</v>
      </c>
      <c r="N120" s="18">
        <v>44.31818181818182</v>
      </c>
      <c r="O120" s="18">
        <v>63.934426229508205</v>
      </c>
      <c r="P120" s="18">
        <v>51.851851851851848</v>
      </c>
      <c r="Q120" s="18">
        <v>59.420289855072461</v>
      </c>
      <c r="R120" s="18">
        <v>24.590163934426229</v>
      </c>
      <c r="S120" s="18">
        <v>26.47058823529412</v>
      </c>
      <c r="T120" s="73">
        <v>74.509803921568633</v>
      </c>
      <c r="U120" s="73">
        <v>81.25</v>
      </c>
      <c r="V120" s="73">
        <v>76.666666666666671</v>
      </c>
      <c r="W120" s="25">
        <v>66.129032258064512</v>
      </c>
    </row>
    <row r="121" spans="1:23" s="2" customFormat="1" ht="33" customHeight="1" x14ac:dyDescent="0.15">
      <c r="A121" s="93"/>
      <c r="B121" s="87" t="s">
        <v>135</v>
      </c>
      <c r="C121" s="71">
        <v>12.731871838111298</v>
      </c>
      <c r="D121" s="72">
        <v>9.3969144460028051</v>
      </c>
      <c r="E121" s="18">
        <v>12.536443148688047</v>
      </c>
      <c r="F121" s="18">
        <v>17.475728155339805</v>
      </c>
      <c r="G121" s="25">
        <v>29.629629629629626</v>
      </c>
      <c r="H121" s="75">
        <v>0</v>
      </c>
      <c r="I121" s="18">
        <v>6.0869565217391308</v>
      </c>
      <c r="J121" s="18">
        <v>14.184397163120568</v>
      </c>
      <c r="K121" s="18">
        <v>0</v>
      </c>
      <c r="L121" s="18">
        <v>18.918918918918919</v>
      </c>
      <c r="M121" s="18">
        <v>8.5714285714285712</v>
      </c>
      <c r="N121" s="18">
        <v>17.045454545454543</v>
      </c>
      <c r="O121" s="18">
        <v>36.065573770491802</v>
      </c>
      <c r="P121" s="18">
        <v>11.111111111111111</v>
      </c>
      <c r="Q121" s="18">
        <v>7.2463768115942031</v>
      </c>
      <c r="R121" s="18">
        <v>13.114754098360656</v>
      </c>
      <c r="S121" s="18">
        <v>5.8823529411764701</v>
      </c>
      <c r="T121" s="73">
        <v>1.9607843137254901</v>
      </c>
      <c r="U121" s="73">
        <v>13.636363636363635</v>
      </c>
      <c r="V121" s="73">
        <v>36.666666666666664</v>
      </c>
      <c r="W121" s="25">
        <v>8.064516129032258</v>
      </c>
    </row>
    <row r="122" spans="1:23" s="2" customFormat="1" ht="33" customHeight="1" x14ac:dyDescent="0.15">
      <c r="A122" s="93"/>
      <c r="B122" s="87" t="s">
        <v>136</v>
      </c>
      <c r="C122" s="71">
        <v>9.8650927487352451</v>
      </c>
      <c r="D122" s="72">
        <v>7.9943899018232818</v>
      </c>
      <c r="E122" s="18">
        <v>9.6209912536443145</v>
      </c>
      <c r="F122" s="18">
        <v>11.650485436893204</v>
      </c>
      <c r="G122" s="25">
        <v>18.518518518518519</v>
      </c>
      <c r="H122" s="75">
        <v>0</v>
      </c>
      <c r="I122" s="18">
        <v>6.0869565217391308</v>
      </c>
      <c r="J122" s="18">
        <v>9.2198581560283674</v>
      </c>
      <c r="K122" s="18">
        <v>36.84210526315789</v>
      </c>
      <c r="L122" s="18">
        <v>10.810810810810811</v>
      </c>
      <c r="M122" s="18">
        <v>4.7619047619047619</v>
      </c>
      <c r="N122" s="18">
        <v>14.772727272727273</v>
      </c>
      <c r="O122" s="18">
        <v>9.8360655737704921</v>
      </c>
      <c r="P122" s="18">
        <v>11.111111111111111</v>
      </c>
      <c r="Q122" s="18">
        <v>14.492753623188406</v>
      </c>
      <c r="R122" s="18">
        <v>8.1967213114754092</v>
      </c>
      <c r="S122" s="18">
        <v>14.705882352941178</v>
      </c>
      <c r="T122" s="73">
        <v>5.8823529411764701</v>
      </c>
      <c r="U122" s="73">
        <v>5.1136363636363642</v>
      </c>
      <c r="V122" s="73">
        <v>20</v>
      </c>
      <c r="W122" s="25">
        <v>13.709677419354838</v>
      </c>
    </row>
    <row r="123" spans="1:23" s="2" customFormat="1" ht="33" customHeight="1" x14ac:dyDescent="0.15">
      <c r="A123" s="93"/>
      <c r="B123" s="87" t="s">
        <v>137</v>
      </c>
      <c r="C123" s="88">
        <v>7.6728499156829679</v>
      </c>
      <c r="D123" s="89">
        <v>15.708274894810659</v>
      </c>
      <c r="E123" s="26">
        <v>6.1224489795918364</v>
      </c>
      <c r="F123" s="26">
        <v>5.825242718446602</v>
      </c>
      <c r="G123" s="27">
        <v>25.925925925925924</v>
      </c>
      <c r="H123" s="90">
        <v>0</v>
      </c>
      <c r="I123" s="26">
        <v>5.2173913043478262</v>
      </c>
      <c r="J123" s="26">
        <v>6.3829787234042552</v>
      </c>
      <c r="K123" s="26">
        <v>10.526315789473683</v>
      </c>
      <c r="L123" s="26">
        <v>8.1081081081081088</v>
      </c>
      <c r="M123" s="26">
        <v>7.6190476190476195</v>
      </c>
      <c r="N123" s="26">
        <v>6.8181818181818175</v>
      </c>
      <c r="O123" s="26">
        <v>14.754098360655737</v>
      </c>
      <c r="P123" s="26">
        <v>0</v>
      </c>
      <c r="Q123" s="26">
        <v>14.492753623188406</v>
      </c>
      <c r="R123" s="26">
        <v>6.557377049180328</v>
      </c>
      <c r="S123" s="26">
        <v>5.8823529411764701</v>
      </c>
      <c r="T123" s="91">
        <v>3.9215686274509802</v>
      </c>
      <c r="U123" s="91">
        <v>9.0909090909090917</v>
      </c>
      <c r="V123" s="91">
        <v>3.3333333333333335</v>
      </c>
      <c r="W123" s="25">
        <v>8.064516129032258</v>
      </c>
    </row>
    <row r="124" spans="1:23" s="2" customFormat="1" ht="33" customHeight="1" thickBot="1" x14ac:dyDescent="0.2">
      <c r="A124" s="46" t="s">
        <v>138</v>
      </c>
      <c r="B124" s="47"/>
      <c r="C124" s="76">
        <v>12.563237774030354</v>
      </c>
      <c r="D124" s="77">
        <v>15.708274894810659</v>
      </c>
      <c r="E124" s="29">
        <v>8.4548104956268215</v>
      </c>
      <c r="F124" s="29">
        <v>7.7669902912621351</v>
      </c>
      <c r="G124" s="30">
        <v>0</v>
      </c>
      <c r="H124" s="66">
        <v>9.0909090909090917</v>
      </c>
      <c r="I124" s="29">
        <v>23.478260869565219</v>
      </c>
      <c r="J124" s="29">
        <v>17.730496453900709</v>
      </c>
      <c r="K124" s="29">
        <v>0</v>
      </c>
      <c r="L124" s="29">
        <v>4.0540540540540544</v>
      </c>
      <c r="M124" s="29">
        <v>20</v>
      </c>
      <c r="N124" s="29">
        <v>17.045454545454543</v>
      </c>
      <c r="O124" s="29">
        <v>3.278688524590164</v>
      </c>
      <c r="P124" s="29">
        <v>14.814814814814813</v>
      </c>
      <c r="Q124" s="29">
        <v>5.7971014492753623</v>
      </c>
      <c r="R124" s="29">
        <v>26.229508196721312</v>
      </c>
      <c r="S124" s="29">
        <v>20.588235294117645</v>
      </c>
      <c r="T124" s="65">
        <v>13.725490196078432</v>
      </c>
      <c r="U124" s="65">
        <v>2.2727272727272729</v>
      </c>
      <c r="V124" s="65">
        <v>6.666666666666667</v>
      </c>
      <c r="W124" s="30">
        <v>8.870967741935484</v>
      </c>
    </row>
    <row r="125" spans="1:23" s="2" customFormat="1" x14ac:dyDescent="0.15"/>
    <row r="126" spans="1:23" s="2" customFormat="1" x14ac:dyDescent="0.15"/>
    <row r="127" spans="1:23" s="2" customFormat="1" x14ac:dyDescent="0.15">
      <c r="A127" s="2" t="s">
        <v>139</v>
      </c>
      <c r="F127" s="2" t="s">
        <v>435</v>
      </c>
    </row>
    <row r="128" spans="1:23" s="2" customFormat="1" ht="14.25" thickBot="1" x14ac:dyDescent="0.2">
      <c r="W128" s="86" t="s">
        <v>140</v>
      </c>
    </row>
    <row r="129" spans="1:23" s="2" customFormat="1" x14ac:dyDescent="0.15">
      <c r="A129" s="4"/>
      <c r="B129" s="5" t="s">
        <v>76</v>
      </c>
      <c r="C129" s="67"/>
      <c r="D129" s="37" t="s">
        <v>15</v>
      </c>
      <c r="E129" s="38"/>
      <c r="F129" s="38"/>
      <c r="G129" s="48"/>
      <c r="H129" s="37" t="s">
        <v>20</v>
      </c>
      <c r="I129" s="38"/>
      <c r="J129" s="38"/>
      <c r="K129" s="38"/>
      <c r="L129" s="38"/>
      <c r="M129" s="38"/>
      <c r="N129" s="38"/>
      <c r="O129" s="38"/>
      <c r="P129" s="38"/>
      <c r="Q129" s="38"/>
      <c r="R129" s="38"/>
      <c r="S129" s="38"/>
      <c r="T129" s="38"/>
      <c r="U129" s="38"/>
      <c r="V129" s="38"/>
      <c r="W129" s="48"/>
    </row>
    <row r="130" spans="1:23" s="2" customFormat="1" ht="54.75" thickBot="1" x14ac:dyDescent="0.2">
      <c r="A130" s="8" t="s">
        <v>87</v>
      </c>
      <c r="B130" s="9"/>
      <c r="C130" s="95" t="s">
        <v>19</v>
      </c>
      <c r="D130" s="10" t="s">
        <v>61</v>
      </c>
      <c r="E130" s="96" t="s">
        <v>141</v>
      </c>
      <c r="F130" s="96" t="s">
        <v>79</v>
      </c>
      <c r="G130" s="12" t="s">
        <v>1</v>
      </c>
      <c r="H130" s="53" t="s">
        <v>2</v>
      </c>
      <c r="I130" s="11" t="s">
        <v>89</v>
      </c>
      <c r="J130" s="11" t="s">
        <v>142</v>
      </c>
      <c r="K130" s="54" t="s">
        <v>143</v>
      </c>
      <c r="L130" s="55" t="s">
        <v>4</v>
      </c>
      <c r="M130" s="56" t="s">
        <v>5</v>
      </c>
      <c r="N130" s="55" t="s">
        <v>82</v>
      </c>
      <c r="O130" s="55" t="s">
        <v>6</v>
      </c>
      <c r="P130" s="56" t="s">
        <v>7</v>
      </c>
      <c r="Q130" s="57" t="s">
        <v>8</v>
      </c>
      <c r="R130" s="56" t="s">
        <v>9</v>
      </c>
      <c r="S130" s="55" t="s">
        <v>10</v>
      </c>
      <c r="T130" s="55" t="s">
        <v>11</v>
      </c>
      <c r="U130" s="55" t="s">
        <v>12</v>
      </c>
      <c r="V130" s="58" t="s">
        <v>83</v>
      </c>
      <c r="W130" s="59" t="s">
        <v>13</v>
      </c>
    </row>
    <row r="131" spans="1:23" s="2" customFormat="1" ht="33.75" customHeight="1" x14ac:dyDescent="0.15">
      <c r="A131" s="37" t="s">
        <v>144</v>
      </c>
      <c r="B131" s="38"/>
      <c r="C131" s="69">
        <v>5.2919708029197077</v>
      </c>
      <c r="D131" s="70">
        <v>7.384615384615385</v>
      </c>
      <c r="E131" s="63">
        <v>2.4767801857585141</v>
      </c>
      <c r="F131" s="63">
        <v>2.0618556701030926</v>
      </c>
      <c r="G131" s="15">
        <v>0</v>
      </c>
      <c r="H131" s="70">
        <v>27.27272727272727</v>
      </c>
      <c r="I131" s="63">
        <v>9</v>
      </c>
      <c r="J131" s="63">
        <v>3.7878787878787881</v>
      </c>
      <c r="K131" s="63">
        <v>0</v>
      </c>
      <c r="L131" s="63">
        <v>0</v>
      </c>
      <c r="M131" s="63">
        <v>7.0707070707070701</v>
      </c>
      <c r="N131" s="63">
        <v>9.8765432098765427</v>
      </c>
      <c r="O131" s="63">
        <v>0</v>
      </c>
      <c r="P131" s="63">
        <v>0</v>
      </c>
      <c r="Q131" s="63">
        <v>6.3492063492063489</v>
      </c>
      <c r="R131" s="63">
        <v>1.7241379310344827</v>
      </c>
      <c r="S131" s="63">
        <v>6.4516129032258061</v>
      </c>
      <c r="T131" s="61">
        <v>4.2553191489361701</v>
      </c>
      <c r="U131" s="61">
        <v>5.7471264367816088</v>
      </c>
      <c r="V131" s="61">
        <v>3.8461538461538463</v>
      </c>
      <c r="W131" s="15">
        <v>5.2173913043478262</v>
      </c>
    </row>
    <row r="132" spans="1:23" s="2" customFormat="1" ht="33.75" customHeight="1" x14ac:dyDescent="0.15">
      <c r="A132" s="39" t="s">
        <v>145</v>
      </c>
      <c r="B132" s="40"/>
      <c r="C132" s="71">
        <v>54.197080291970799</v>
      </c>
      <c r="D132" s="72">
        <v>54.615384615384613</v>
      </c>
      <c r="E132" s="18">
        <v>57.275541795665632</v>
      </c>
      <c r="F132" s="18">
        <v>47.422680412371129</v>
      </c>
      <c r="G132" s="25">
        <v>30.76923076923077</v>
      </c>
      <c r="H132" s="72">
        <v>63.636363636363633</v>
      </c>
      <c r="I132" s="18">
        <v>51</v>
      </c>
      <c r="J132" s="18">
        <v>45.454545454545453</v>
      </c>
      <c r="K132" s="18">
        <v>18.75</v>
      </c>
      <c r="L132" s="18">
        <v>50</v>
      </c>
      <c r="M132" s="18">
        <v>63.636363636363633</v>
      </c>
      <c r="N132" s="18">
        <v>56.79012345679012</v>
      </c>
      <c r="O132" s="18">
        <v>9.433962264150944</v>
      </c>
      <c r="P132" s="18">
        <v>76.923076923076934</v>
      </c>
      <c r="Q132" s="18">
        <v>46.031746031746032</v>
      </c>
      <c r="R132" s="18">
        <v>70.689655172413794</v>
      </c>
      <c r="S132" s="18">
        <v>58.064516129032263</v>
      </c>
      <c r="T132" s="73">
        <v>40.425531914893611</v>
      </c>
      <c r="U132" s="73">
        <v>66.666666666666657</v>
      </c>
      <c r="V132" s="73">
        <v>50</v>
      </c>
      <c r="W132" s="25">
        <v>61.739130434782609</v>
      </c>
    </row>
    <row r="133" spans="1:23" s="2" customFormat="1" ht="33.75" customHeight="1" x14ac:dyDescent="0.15">
      <c r="A133" s="39" t="s">
        <v>146</v>
      </c>
      <c r="B133" s="40"/>
      <c r="C133" s="71">
        <v>36.313868613138681</v>
      </c>
      <c r="D133" s="72">
        <v>32.461538461538467</v>
      </c>
      <c r="E133" s="18">
        <v>37.770897832817333</v>
      </c>
      <c r="F133" s="18">
        <v>49.484536082474229</v>
      </c>
      <c r="G133" s="25">
        <v>65.384615384615387</v>
      </c>
      <c r="H133" s="72">
        <v>9.0909090909090917</v>
      </c>
      <c r="I133" s="18">
        <v>40</v>
      </c>
      <c r="J133" s="18">
        <v>47.727272727272727</v>
      </c>
      <c r="K133" s="18">
        <v>81.25</v>
      </c>
      <c r="L133" s="18">
        <v>40.625</v>
      </c>
      <c r="M133" s="18">
        <v>28.28282828282828</v>
      </c>
      <c r="N133" s="18">
        <v>25.925925925925924</v>
      </c>
      <c r="O133" s="18">
        <v>71.698113207547166</v>
      </c>
      <c r="P133" s="18">
        <v>23.076923076923077</v>
      </c>
      <c r="Q133" s="18">
        <v>41.269841269841265</v>
      </c>
      <c r="R133" s="18">
        <v>20.689655172413794</v>
      </c>
      <c r="S133" s="18">
        <v>25.806451612903224</v>
      </c>
      <c r="T133" s="73">
        <v>51.063829787234042</v>
      </c>
      <c r="U133" s="73">
        <v>25.287356321839084</v>
      </c>
      <c r="V133" s="73">
        <v>46.153846153846153</v>
      </c>
      <c r="W133" s="25">
        <v>31.304347826086961</v>
      </c>
    </row>
    <row r="134" spans="1:23" s="2" customFormat="1" ht="33.75" customHeight="1" x14ac:dyDescent="0.15">
      <c r="A134" s="39" t="s">
        <v>147</v>
      </c>
      <c r="B134" s="40"/>
      <c r="C134" s="71">
        <v>4.1970802919708028</v>
      </c>
      <c r="D134" s="72">
        <v>5.5384615384615383</v>
      </c>
      <c r="E134" s="18">
        <v>2.4767801857585141</v>
      </c>
      <c r="F134" s="18">
        <v>1.0309278350515463</v>
      </c>
      <c r="G134" s="25">
        <v>3.8461538461538463</v>
      </c>
      <c r="H134" s="72">
        <v>0</v>
      </c>
      <c r="I134" s="18">
        <v>0</v>
      </c>
      <c r="J134" s="18">
        <v>3.0303030303030303</v>
      </c>
      <c r="K134" s="18">
        <v>0</v>
      </c>
      <c r="L134" s="18">
        <v>9.375</v>
      </c>
      <c r="M134" s="18">
        <v>1.0101010101010102</v>
      </c>
      <c r="N134" s="18">
        <v>7.4074074074074066</v>
      </c>
      <c r="O134" s="18">
        <v>18.867924528301888</v>
      </c>
      <c r="P134" s="18">
        <v>0</v>
      </c>
      <c r="Q134" s="18">
        <v>6.3492063492063489</v>
      </c>
      <c r="R134" s="18">
        <v>6.8965517241379306</v>
      </c>
      <c r="S134" s="18">
        <v>9.67741935483871</v>
      </c>
      <c r="T134" s="73">
        <v>4.2553191489361701</v>
      </c>
      <c r="U134" s="73">
        <v>2.2988505747126435</v>
      </c>
      <c r="V134" s="73">
        <v>0</v>
      </c>
      <c r="W134" s="25">
        <v>1.7391304347826086</v>
      </c>
    </row>
    <row r="135" spans="1:23" s="2" customFormat="1" ht="33.75" customHeight="1" x14ac:dyDescent="0.15">
      <c r="A135" s="39" t="s">
        <v>148</v>
      </c>
      <c r="B135" s="40"/>
      <c r="C135" s="71">
        <v>39.503725669099765</v>
      </c>
      <c r="D135" s="72">
        <v>39.61110256410258</v>
      </c>
      <c r="E135" s="18">
        <v>39.414757481940143</v>
      </c>
      <c r="F135" s="18">
        <v>39.262371134020611</v>
      </c>
      <c r="G135" s="25">
        <v>38.824999999999996</v>
      </c>
      <c r="H135" s="72">
        <v>40.509090909090908</v>
      </c>
      <c r="I135" s="18">
        <v>39.925499999999992</v>
      </c>
      <c r="J135" s="18">
        <v>39.133838383838381</v>
      </c>
      <c r="K135" s="18">
        <v>38.196874999999999</v>
      </c>
      <c r="L135" s="18">
        <v>38.71041666666666</v>
      </c>
      <c r="M135" s="18">
        <v>39.867340067340066</v>
      </c>
      <c r="N135" s="18">
        <v>38.914403292181078</v>
      </c>
      <c r="O135" s="18">
        <v>37.56037735849057</v>
      </c>
      <c r="P135" s="18">
        <v>39.667948717948725</v>
      </c>
      <c r="Q135" s="18">
        <v>41.12063492063492</v>
      </c>
      <c r="R135" s="18">
        <v>39.112068965517238</v>
      </c>
      <c r="S135" s="18">
        <v>39.741397849462366</v>
      </c>
      <c r="T135" s="73">
        <v>39.259574468085106</v>
      </c>
      <c r="U135" s="73">
        <v>40.044731800766286</v>
      </c>
      <c r="V135" s="73">
        <v>38.937820512820515</v>
      </c>
      <c r="W135" s="25">
        <v>39.706086956521744</v>
      </c>
    </row>
    <row r="136" spans="1:23" s="2" customFormat="1" ht="33.75" customHeight="1" thickBot="1" x14ac:dyDescent="0.2">
      <c r="A136" s="46" t="s">
        <v>149</v>
      </c>
      <c r="B136" s="47"/>
      <c r="C136" s="76">
        <v>39.111400876675198</v>
      </c>
      <c r="D136" s="77">
        <v>39.530826515628284</v>
      </c>
      <c r="E136" s="29">
        <v>39.382903212136632</v>
      </c>
      <c r="F136" s="29">
        <v>39.240092055773751</v>
      </c>
      <c r="G136" s="30">
        <v>38.656866478608372</v>
      </c>
      <c r="H136" s="77">
        <v>40.543405275779371</v>
      </c>
      <c r="I136" s="29">
        <v>39.684148635936033</v>
      </c>
      <c r="J136" s="29">
        <v>38.753941493015809</v>
      </c>
      <c r="K136" s="29">
        <v>37.659705648369133</v>
      </c>
      <c r="L136" s="29">
        <v>39.071887637203922</v>
      </c>
      <c r="M136" s="29">
        <v>39.879737845954054</v>
      </c>
      <c r="N136" s="29">
        <v>39.072584653619138</v>
      </c>
      <c r="O136" s="29">
        <v>37.71329091551786</v>
      </c>
      <c r="P136" s="29">
        <v>39.739696969696965</v>
      </c>
      <c r="Q136" s="29">
        <v>39.948992149374078</v>
      </c>
      <c r="R136" s="29">
        <v>39.345496246872393</v>
      </c>
      <c r="S136" s="29">
        <v>39.978191000918272</v>
      </c>
      <c r="T136" s="65">
        <v>38.957923497267764</v>
      </c>
      <c r="U136" s="65">
        <v>39.443250853454934</v>
      </c>
      <c r="V136" s="65">
        <v>38.311831761006289</v>
      </c>
      <c r="W136" s="30">
        <v>39.677277846938168</v>
      </c>
    </row>
    <row r="137" spans="1:23" s="2" customFormat="1" x14ac:dyDescent="0.15"/>
    <row r="138" spans="1:23" s="2" customFormat="1" x14ac:dyDescent="0.15">
      <c r="A138" s="2" t="s">
        <v>408</v>
      </c>
      <c r="F138" s="2" t="s">
        <v>422</v>
      </c>
    </row>
    <row r="139" spans="1:23" s="2" customFormat="1" ht="14.25" thickBot="1" x14ac:dyDescent="0.2">
      <c r="W139" s="86" t="s">
        <v>150</v>
      </c>
    </row>
    <row r="140" spans="1:23" s="2" customFormat="1" x14ac:dyDescent="0.15">
      <c r="A140" s="4"/>
      <c r="B140" s="5" t="s">
        <v>76</v>
      </c>
      <c r="C140" s="67"/>
      <c r="D140" s="37" t="s">
        <v>15</v>
      </c>
      <c r="E140" s="38"/>
      <c r="F140" s="38"/>
      <c r="G140" s="48"/>
      <c r="H140" s="37" t="s">
        <v>20</v>
      </c>
      <c r="I140" s="38"/>
      <c r="J140" s="38"/>
      <c r="K140" s="38"/>
      <c r="L140" s="38"/>
      <c r="M140" s="38"/>
      <c r="N140" s="38"/>
      <c r="O140" s="38"/>
      <c r="P140" s="38"/>
      <c r="Q140" s="38"/>
      <c r="R140" s="38"/>
      <c r="S140" s="38"/>
      <c r="T140" s="38"/>
      <c r="U140" s="38"/>
      <c r="V140" s="38"/>
      <c r="W140" s="48"/>
    </row>
    <row r="141" spans="1:23" s="2" customFormat="1" ht="54.75" thickBot="1" x14ac:dyDescent="0.2">
      <c r="A141" s="8" t="s">
        <v>87</v>
      </c>
      <c r="B141" s="9"/>
      <c r="C141" s="95" t="s">
        <v>19</v>
      </c>
      <c r="D141" s="10" t="s">
        <v>61</v>
      </c>
      <c r="E141" s="96" t="s">
        <v>151</v>
      </c>
      <c r="F141" s="96" t="s">
        <v>128</v>
      </c>
      <c r="G141" s="12" t="s">
        <v>1</v>
      </c>
      <c r="H141" s="53" t="s">
        <v>2</v>
      </c>
      <c r="I141" s="11" t="s">
        <v>105</v>
      </c>
      <c r="J141" s="11" t="s">
        <v>152</v>
      </c>
      <c r="K141" s="54" t="s">
        <v>153</v>
      </c>
      <c r="L141" s="55" t="s">
        <v>4</v>
      </c>
      <c r="M141" s="56" t="s">
        <v>5</v>
      </c>
      <c r="N141" s="55" t="s">
        <v>82</v>
      </c>
      <c r="O141" s="55" t="s">
        <v>6</v>
      </c>
      <c r="P141" s="56" t="s">
        <v>7</v>
      </c>
      <c r="Q141" s="57" t="s">
        <v>8</v>
      </c>
      <c r="R141" s="56" t="s">
        <v>9</v>
      </c>
      <c r="S141" s="55" t="s">
        <v>10</v>
      </c>
      <c r="T141" s="55" t="s">
        <v>11</v>
      </c>
      <c r="U141" s="55" t="s">
        <v>12</v>
      </c>
      <c r="V141" s="58" t="s">
        <v>83</v>
      </c>
      <c r="W141" s="59" t="s">
        <v>13</v>
      </c>
    </row>
    <row r="142" spans="1:23" s="2" customFormat="1" ht="33.75" customHeight="1" x14ac:dyDescent="0.15">
      <c r="A142" s="37" t="s">
        <v>154</v>
      </c>
      <c r="B142" s="38"/>
      <c r="C142" s="69">
        <v>4.0552995391705071</v>
      </c>
      <c r="D142" s="70">
        <v>3.2507739938080498</v>
      </c>
      <c r="E142" s="63">
        <v>4.7021943573667713</v>
      </c>
      <c r="F142" s="63">
        <v>7.291666666666667</v>
      </c>
      <c r="G142" s="15">
        <v>4.1666666666666661</v>
      </c>
      <c r="H142" s="70">
        <v>0</v>
      </c>
      <c r="I142" s="63">
        <v>0</v>
      </c>
      <c r="J142" s="63">
        <v>5.4263565891472867</v>
      </c>
      <c r="K142" s="63">
        <v>0</v>
      </c>
      <c r="L142" s="63">
        <v>2.9411764705882351</v>
      </c>
      <c r="M142" s="63">
        <v>23.157894736842106</v>
      </c>
      <c r="N142" s="63">
        <v>0</v>
      </c>
      <c r="O142" s="63">
        <v>1.8518518518518516</v>
      </c>
      <c r="P142" s="63">
        <v>4</v>
      </c>
      <c r="Q142" s="63">
        <v>1.5625</v>
      </c>
      <c r="R142" s="63">
        <v>3.7735849056603774</v>
      </c>
      <c r="S142" s="63">
        <v>0</v>
      </c>
      <c r="T142" s="61">
        <v>0</v>
      </c>
      <c r="U142" s="61">
        <v>0.60240963855421692</v>
      </c>
      <c r="V142" s="61">
        <v>0</v>
      </c>
      <c r="W142" s="15">
        <v>6.140350877192982</v>
      </c>
    </row>
    <row r="143" spans="1:23" s="2" customFormat="1" ht="33.75" customHeight="1" x14ac:dyDescent="0.15">
      <c r="A143" s="39" t="s">
        <v>155</v>
      </c>
      <c r="B143" s="40"/>
      <c r="C143" s="71">
        <v>5.2534562211981566</v>
      </c>
      <c r="D143" s="72">
        <v>4.643962848297214</v>
      </c>
      <c r="E143" s="18">
        <v>4.7021943573667713</v>
      </c>
      <c r="F143" s="18">
        <v>10.416666666666668</v>
      </c>
      <c r="G143" s="25">
        <v>8.3333333333333321</v>
      </c>
      <c r="H143" s="72">
        <v>0</v>
      </c>
      <c r="I143" s="18">
        <v>3.7037037037037033</v>
      </c>
      <c r="J143" s="18">
        <v>10.077519379844961</v>
      </c>
      <c r="K143" s="18">
        <v>0</v>
      </c>
      <c r="L143" s="18">
        <v>5.8823529411764701</v>
      </c>
      <c r="M143" s="18">
        <v>12.631578947368421</v>
      </c>
      <c r="N143" s="18">
        <v>1.2345679012345678</v>
      </c>
      <c r="O143" s="18">
        <v>0</v>
      </c>
      <c r="P143" s="18">
        <v>12</v>
      </c>
      <c r="Q143" s="18">
        <v>4.6875</v>
      </c>
      <c r="R143" s="18">
        <v>9.433962264150944</v>
      </c>
      <c r="S143" s="18">
        <v>6.666666666666667</v>
      </c>
      <c r="T143" s="73">
        <v>11.904761904761903</v>
      </c>
      <c r="U143" s="73">
        <v>0</v>
      </c>
      <c r="V143" s="73">
        <v>0</v>
      </c>
      <c r="W143" s="25">
        <v>4.3859649122807012</v>
      </c>
    </row>
    <row r="144" spans="1:23" s="2" customFormat="1" ht="33.75" customHeight="1" x14ac:dyDescent="0.15">
      <c r="A144" s="39" t="s">
        <v>156</v>
      </c>
      <c r="B144" s="40"/>
      <c r="C144" s="71">
        <v>12.165898617511521</v>
      </c>
      <c r="D144" s="72">
        <v>11.76470588235294</v>
      </c>
      <c r="E144" s="18">
        <v>10.9717868338558</v>
      </c>
      <c r="F144" s="18">
        <v>16.666666666666664</v>
      </c>
      <c r="G144" s="25">
        <v>20.833333333333336</v>
      </c>
      <c r="H144" s="72">
        <v>0</v>
      </c>
      <c r="I144" s="18">
        <v>11.111111111111111</v>
      </c>
      <c r="J144" s="18">
        <v>17.829457364341085</v>
      </c>
      <c r="K144" s="18">
        <v>29.411764705882355</v>
      </c>
      <c r="L144" s="18">
        <v>19.117647058823529</v>
      </c>
      <c r="M144" s="18">
        <v>17.894736842105264</v>
      </c>
      <c r="N144" s="18">
        <v>16.049382716049383</v>
      </c>
      <c r="O144" s="18">
        <v>9.2592592592592595</v>
      </c>
      <c r="P144" s="18">
        <v>28.000000000000004</v>
      </c>
      <c r="Q144" s="18">
        <v>14.0625</v>
      </c>
      <c r="R144" s="18">
        <v>13.20754716981132</v>
      </c>
      <c r="S144" s="18">
        <v>3.3333333333333335</v>
      </c>
      <c r="T144" s="73">
        <v>7.1428571428571423</v>
      </c>
      <c r="U144" s="73">
        <v>0</v>
      </c>
      <c r="V144" s="73">
        <v>3.5714285714285712</v>
      </c>
      <c r="W144" s="25">
        <v>14.035087719298245</v>
      </c>
    </row>
    <row r="145" spans="1:23" s="2" customFormat="1" ht="33.75" customHeight="1" x14ac:dyDescent="0.15">
      <c r="A145" s="39" t="s">
        <v>157</v>
      </c>
      <c r="B145" s="40"/>
      <c r="C145" s="71">
        <v>22.94930875576037</v>
      </c>
      <c r="D145" s="72">
        <v>21.052631578947366</v>
      </c>
      <c r="E145" s="18">
        <v>26.645768025078372</v>
      </c>
      <c r="F145" s="18">
        <v>20.833333333333336</v>
      </c>
      <c r="G145" s="25">
        <v>33.333333333333329</v>
      </c>
      <c r="H145" s="72">
        <v>18.181818181818183</v>
      </c>
      <c r="I145" s="18">
        <v>26.851851851851855</v>
      </c>
      <c r="J145" s="18">
        <v>29.457364341085274</v>
      </c>
      <c r="K145" s="18">
        <v>47.058823529411761</v>
      </c>
      <c r="L145" s="18">
        <v>29.411764705882355</v>
      </c>
      <c r="M145" s="18">
        <v>22.105263157894736</v>
      </c>
      <c r="N145" s="18">
        <v>25.925925925925924</v>
      </c>
      <c r="O145" s="18">
        <v>20.37037037037037</v>
      </c>
      <c r="P145" s="18">
        <v>8</v>
      </c>
      <c r="Q145" s="18">
        <v>40.625</v>
      </c>
      <c r="R145" s="18">
        <v>18.867924528301888</v>
      </c>
      <c r="S145" s="18">
        <v>20</v>
      </c>
      <c r="T145" s="73">
        <v>11.904761904761903</v>
      </c>
      <c r="U145" s="73">
        <v>6.6265060240963862</v>
      </c>
      <c r="V145" s="73">
        <v>42.857142857142854</v>
      </c>
      <c r="W145" s="25">
        <v>23.684210526315788</v>
      </c>
    </row>
    <row r="146" spans="1:23" s="2" customFormat="1" ht="33.75" customHeight="1" x14ac:dyDescent="0.15">
      <c r="A146" s="39" t="s">
        <v>158</v>
      </c>
      <c r="B146" s="40"/>
      <c r="C146" s="71">
        <v>55.576036866359445</v>
      </c>
      <c r="D146" s="72">
        <v>59.287925696594421</v>
      </c>
      <c r="E146" s="18">
        <v>52.978056426332287</v>
      </c>
      <c r="F146" s="18">
        <v>44.791666666666671</v>
      </c>
      <c r="G146" s="25">
        <v>33.333333333333329</v>
      </c>
      <c r="H146" s="72">
        <v>81.818181818181827</v>
      </c>
      <c r="I146" s="18">
        <v>58.333333333333336</v>
      </c>
      <c r="J146" s="18">
        <v>37.209302325581397</v>
      </c>
      <c r="K146" s="18">
        <v>23.52941176470588</v>
      </c>
      <c r="L146" s="18">
        <v>42.647058823529413</v>
      </c>
      <c r="M146" s="18">
        <v>24.210526315789473</v>
      </c>
      <c r="N146" s="18">
        <v>56.79012345679012</v>
      </c>
      <c r="O146" s="18">
        <v>68.518518518518519</v>
      </c>
      <c r="P146" s="18">
        <v>48</v>
      </c>
      <c r="Q146" s="18">
        <v>39.0625</v>
      </c>
      <c r="R146" s="18">
        <v>54.716981132075468</v>
      </c>
      <c r="S146" s="18">
        <v>70</v>
      </c>
      <c r="T146" s="73">
        <v>69.047619047619051</v>
      </c>
      <c r="U146" s="73">
        <v>92.771084337349393</v>
      </c>
      <c r="V146" s="73">
        <v>53.571428571428569</v>
      </c>
      <c r="W146" s="25">
        <v>51.754385964912288</v>
      </c>
    </row>
    <row r="147" spans="1:23" s="2" customFormat="1" ht="33.75" customHeight="1" x14ac:dyDescent="0.15">
      <c r="A147" s="39" t="s">
        <v>159</v>
      </c>
      <c r="B147" s="40"/>
      <c r="C147" s="71">
        <v>11.798678955453148</v>
      </c>
      <c r="D147" s="72">
        <v>10.634468524251806</v>
      </c>
      <c r="E147" s="18">
        <v>12.624764890282131</v>
      </c>
      <c r="F147" s="18">
        <v>15.611111111111109</v>
      </c>
      <c r="G147" s="25">
        <v>16.905555555555555</v>
      </c>
      <c r="H147" s="72">
        <v>5.9863636363636354</v>
      </c>
      <c r="I147" s="18">
        <v>9.6726851851851858</v>
      </c>
      <c r="J147" s="18">
        <v>16.262144702842381</v>
      </c>
      <c r="K147" s="18">
        <v>14.972549019607841</v>
      </c>
      <c r="L147" s="18">
        <v>13.186029411764704</v>
      </c>
      <c r="M147" s="18">
        <v>24.943684210526317</v>
      </c>
      <c r="N147" s="18">
        <v>9.1804526748971202</v>
      </c>
      <c r="O147" s="18">
        <v>8.825925925925926</v>
      </c>
      <c r="P147" s="18">
        <v>14.647333333333336</v>
      </c>
      <c r="Q147" s="18">
        <v>12.024999999999999</v>
      </c>
      <c r="R147" s="18">
        <v>12.166981132075472</v>
      </c>
      <c r="S147" s="18">
        <v>8.3177777777777777</v>
      </c>
      <c r="T147" s="73">
        <v>9.957936507936509</v>
      </c>
      <c r="U147" s="73">
        <v>4.2182730923694782</v>
      </c>
      <c r="V147" s="73">
        <v>8.5803571428571423</v>
      </c>
      <c r="W147" s="25">
        <v>12.83611111111111</v>
      </c>
    </row>
    <row r="148" spans="1:23" s="2" customFormat="1" ht="33.75" customHeight="1" thickBot="1" x14ac:dyDescent="0.2">
      <c r="A148" s="46" t="s">
        <v>160</v>
      </c>
      <c r="B148" s="47"/>
      <c r="C148" s="76">
        <v>15.29845100675829</v>
      </c>
      <c r="D148" s="77">
        <v>10.984268364430994</v>
      </c>
      <c r="E148" s="29">
        <v>13.395016514474449</v>
      </c>
      <c r="F148" s="29">
        <v>15.157289649572119</v>
      </c>
      <c r="G148" s="30">
        <v>18.982298715582647</v>
      </c>
      <c r="H148" s="77">
        <v>6.3173860911270987</v>
      </c>
      <c r="I148" s="29">
        <v>12.307363081166272</v>
      </c>
      <c r="J148" s="29">
        <v>19.522512879221516</v>
      </c>
      <c r="K148" s="29">
        <v>18.367965587044534</v>
      </c>
      <c r="L148" s="29">
        <v>15.617274711568445</v>
      </c>
      <c r="M148" s="29">
        <v>26.74212564169494</v>
      </c>
      <c r="N148" s="29">
        <v>9.3835814360770584</v>
      </c>
      <c r="O148" s="29">
        <v>8.7888597411682419</v>
      </c>
      <c r="P148" s="29">
        <v>15.583149509803922</v>
      </c>
      <c r="Q148" s="29">
        <v>12.825366063738155</v>
      </c>
      <c r="R148" s="29">
        <v>13.198220973782773</v>
      </c>
      <c r="S148" s="29">
        <v>8.5626618705035966</v>
      </c>
      <c r="T148" s="65">
        <v>12.895160665892375</v>
      </c>
      <c r="U148" s="65">
        <v>6.3058510112248447</v>
      </c>
      <c r="V148" s="65">
        <v>7.8426824883135557</v>
      </c>
      <c r="W148" s="30">
        <v>26.266071757129716</v>
      </c>
    </row>
    <row r="149" spans="1:23" s="2" customFormat="1" x14ac:dyDescent="0.15"/>
    <row r="150" spans="1:23" s="2" customFormat="1" hidden="1" x14ac:dyDescent="0.15"/>
    <row r="151" spans="1:23" s="2" customFormat="1" x14ac:dyDescent="0.15">
      <c r="A151" s="2" t="s">
        <v>161</v>
      </c>
      <c r="F151" s="2" t="s">
        <v>423</v>
      </c>
    </row>
    <row r="152" spans="1:23" s="2" customFormat="1" ht="14.25" thickBot="1" x14ac:dyDescent="0.2">
      <c r="W152" s="1" t="s">
        <v>75</v>
      </c>
    </row>
    <row r="153" spans="1:23" s="2" customFormat="1" x14ac:dyDescent="0.15">
      <c r="A153" s="4"/>
      <c r="B153" s="5" t="s">
        <v>76</v>
      </c>
      <c r="C153" s="67"/>
      <c r="D153" s="37" t="s">
        <v>15</v>
      </c>
      <c r="E153" s="38"/>
      <c r="F153" s="38"/>
      <c r="G153" s="48"/>
      <c r="H153" s="37" t="s">
        <v>20</v>
      </c>
      <c r="I153" s="38"/>
      <c r="J153" s="38"/>
      <c r="K153" s="38"/>
      <c r="L153" s="38"/>
      <c r="M153" s="38"/>
      <c r="N153" s="38"/>
      <c r="O153" s="38"/>
      <c r="P153" s="38"/>
      <c r="Q153" s="38"/>
      <c r="R153" s="38"/>
      <c r="S153" s="38"/>
      <c r="T153" s="38"/>
      <c r="U153" s="38"/>
      <c r="V153" s="38"/>
      <c r="W153" s="48"/>
    </row>
    <row r="154" spans="1:23" s="2" customFormat="1" ht="54.75" thickBot="1" x14ac:dyDescent="0.2">
      <c r="A154" s="13" t="s">
        <v>87</v>
      </c>
      <c r="C154" s="68" t="s">
        <v>19</v>
      </c>
      <c r="D154" s="50" t="s">
        <v>16</v>
      </c>
      <c r="E154" s="51" t="s">
        <v>127</v>
      </c>
      <c r="F154" s="51" t="s">
        <v>128</v>
      </c>
      <c r="G154" s="52" t="s">
        <v>1</v>
      </c>
      <c r="H154" s="53" t="s">
        <v>2</v>
      </c>
      <c r="I154" s="11" t="s">
        <v>89</v>
      </c>
      <c r="J154" s="11" t="s">
        <v>152</v>
      </c>
      <c r="K154" s="54" t="s">
        <v>91</v>
      </c>
      <c r="L154" s="55" t="s">
        <v>4</v>
      </c>
      <c r="M154" s="56" t="s">
        <v>5</v>
      </c>
      <c r="N154" s="55" t="s">
        <v>82</v>
      </c>
      <c r="O154" s="55" t="s">
        <v>6</v>
      </c>
      <c r="P154" s="56" t="s">
        <v>7</v>
      </c>
      <c r="Q154" s="57" t="s">
        <v>8</v>
      </c>
      <c r="R154" s="56" t="s">
        <v>9</v>
      </c>
      <c r="S154" s="55" t="s">
        <v>10</v>
      </c>
      <c r="T154" s="55" t="s">
        <v>11</v>
      </c>
      <c r="U154" s="55" t="s">
        <v>12</v>
      </c>
      <c r="V154" s="58" t="s">
        <v>83</v>
      </c>
      <c r="W154" s="59" t="s">
        <v>13</v>
      </c>
    </row>
    <row r="155" spans="1:23" s="2" customFormat="1" ht="31.5" customHeight="1" x14ac:dyDescent="0.15">
      <c r="A155" s="4" t="s">
        <v>162</v>
      </c>
      <c r="B155" s="97"/>
      <c r="C155" s="98">
        <v>67.125645438898445</v>
      </c>
      <c r="D155" s="99">
        <v>60.461760461760463</v>
      </c>
      <c r="E155" s="100">
        <v>80.294117647058826</v>
      </c>
      <c r="F155" s="100">
        <v>71.568627450980387</v>
      </c>
      <c r="G155" s="101">
        <v>55.555555555555557</v>
      </c>
      <c r="H155" s="99">
        <v>45.454545454545453</v>
      </c>
      <c r="I155" s="100">
        <v>78.94736842105263</v>
      </c>
      <c r="J155" s="100">
        <v>76.760563380281681</v>
      </c>
      <c r="K155" s="100">
        <v>26.315789473684209</v>
      </c>
      <c r="L155" s="100">
        <v>50</v>
      </c>
      <c r="M155" s="100">
        <v>79.611650485436897</v>
      </c>
      <c r="N155" s="100">
        <v>77.108433734939766</v>
      </c>
      <c r="O155" s="100">
        <v>31.666666666666664</v>
      </c>
      <c r="P155" s="100">
        <v>66.666666666666657</v>
      </c>
      <c r="Q155" s="100">
        <v>59.701492537313428</v>
      </c>
      <c r="R155" s="100">
        <v>72.881355932203391</v>
      </c>
      <c r="S155" s="100">
        <v>62.5</v>
      </c>
      <c r="T155" s="102">
        <v>68</v>
      </c>
      <c r="U155" s="102">
        <v>69.364161849710982</v>
      </c>
      <c r="V155" s="102">
        <v>64.285714285714292</v>
      </c>
      <c r="W155" s="15">
        <v>62.903225806451616</v>
      </c>
    </row>
    <row r="156" spans="1:23" s="2" customFormat="1" ht="31.5" customHeight="1" x14ac:dyDescent="0.15">
      <c r="A156" s="13"/>
      <c r="B156" s="87" t="s">
        <v>163</v>
      </c>
      <c r="C156" s="103">
        <v>1.5490533562822719</v>
      </c>
      <c r="D156" s="72">
        <v>2.3088023088023086</v>
      </c>
      <c r="E156" s="18">
        <v>0</v>
      </c>
      <c r="F156" s="18">
        <v>0.98039215686274506</v>
      </c>
      <c r="G156" s="25">
        <v>3.7037037037037033</v>
      </c>
      <c r="H156" s="72">
        <v>0</v>
      </c>
      <c r="I156" s="18">
        <v>0</v>
      </c>
      <c r="J156" s="18">
        <v>2.112676056338028</v>
      </c>
      <c r="K156" s="18">
        <v>0</v>
      </c>
      <c r="L156" s="18">
        <v>1.4285714285714286</v>
      </c>
      <c r="M156" s="18">
        <v>1.9417475728155338</v>
      </c>
      <c r="N156" s="18">
        <v>1.2048192771084338</v>
      </c>
      <c r="O156" s="18">
        <v>1.6666666666666667</v>
      </c>
      <c r="P156" s="18">
        <v>0</v>
      </c>
      <c r="Q156" s="18">
        <v>1.4925373134328357</v>
      </c>
      <c r="R156" s="18">
        <v>1.6949152542372881</v>
      </c>
      <c r="S156" s="18">
        <v>3.125</v>
      </c>
      <c r="T156" s="73">
        <v>2</v>
      </c>
      <c r="U156" s="73">
        <v>1.1560693641618496</v>
      </c>
      <c r="V156" s="73">
        <v>7.1428571428571423</v>
      </c>
      <c r="W156" s="25">
        <v>1.6129032258064515</v>
      </c>
    </row>
    <row r="157" spans="1:23" s="2" customFormat="1" ht="31.5" customHeight="1" x14ac:dyDescent="0.15">
      <c r="A157" s="13"/>
      <c r="B157" s="87" t="s">
        <v>164</v>
      </c>
      <c r="C157" s="103">
        <v>28.055077452667813</v>
      </c>
      <c r="D157" s="72">
        <v>24.531024531024531</v>
      </c>
      <c r="E157" s="18">
        <v>31.764705882352938</v>
      </c>
      <c r="F157" s="18">
        <v>37.254901960784316</v>
      </c>
      <c r="G157" s="25">
        <v>37.037037037037038</v>
      </c>
      <c r="H157" s="72">
        <v>0</v>
      </c>
      <c r="I157" s="18">
        <v>6.140350877192982</v>
      </c>
      <c r="J157" s="18">
        <v>13.380281690140844</v>
      </c>
      <c r="K157" s="18">
        <v>5.2631578947368416</v>
      </c>
      <c r="L157" s="18">
        <v>14.285714285714285</v>
      </c>
      <c r="M157" s="18">
        <v>41.747572815533978</v>
      </c>
      <c r="N157" s="18">
        <v>36.144578313253014</v>
      </c>
      <c r="O157" s="18">
        <v>21.666666666666668</v>
      </c>
      <c r="P157" s="18">
        <v>22.222222222222221</v>
      </c>
      <c r="Q157" s="18">
        <v>7.4626865671641784</v>
      </c>
      <c r="R157" s="18">
        <v>50.847457627118644</v>
      </c>
      <c r="S157" s="18">
        <v>28.125</v>
      </c>
      <c r="T157" s="73">
        <v>24</v>
      </c>
      <c r="U157" s="73">
        <v>54.913294797687861</v>
      </c>
      <c r="V157" s="73">
        <v>28.571428571428569</v>
      </c>
      <c r="W157" s="25">
        <v>30.64516129032258</v>
      </c>
    </row>
    <row r="158" spans="1:23" s="2" customFormat="1" ht="31.5" customHeight="1" x14ac:dyDescent="0.15">
      <c r="A158" s="13"/>
      <c r="B158" s="87" t="s">
        <v>165</v>
      </c>
      <c r="C158" s="103">
        <v>35.283993115318417</v>
      </c>
      <c r="D158" s="72">
        <v>29.725829725829726</v>
      </c>
      <c r="E158" s="18">
        <v>48.529411764705884</v>
      </c>
      <c r="F158" s="18">
        <v>34.313725490196077</v>
      </c>
      <c r="G158" s="25">
        <v>14.814814814814813</v>
      </c>
      <c r="H158" s="72">
        <v>45.454545454545453</v>
      </c>
      <c r="I158" s="18">
        <v>71.929824561403507</v>
      </c>
      <c r="J158" s="18">
        <v>56.338028169014088</v>
      </c>
      <c r="K158" s="18">
        <v>21.052631578947366</v>
      </c>
      <c r="L158" s="18">
        <v>15.714285714285714</v>
      </c>
      <c r="M158" s="18">
        <v>41.747572815533978</v>
      </c>
      <c r="N158" s="18">
        <v>37.349397590361441</v>
      </c>
      <c r="O158" s="18">
        <v>0</v>
      </c>
      <c r="P158" s="18">
        <v>40.74074074074074</v>
      </c>
      <c r="Q158" s="18">
        <v>41.791044776119399</v>
      </c>
      <c r="R158" s="18">
        <v>18.64406779661017</v>
      </c>
      <c r="S158" s="18">
        <v>25</v>
      </c>
      <c r="T158" s="73">
        <v>24</v>
      </c>
      <c r="U158" s="73">
        <v>13.872832369942195</v>
      </c>
      <c r="V158" s="73">
        <v>35.714285714285715</v>
      </c>
      <c r="W158" s="25">
        <v>40.322580645161288</v>
      </c>
    </row>
    <row r="159" spans="1:23" s="2" customFormat="1" ht="31.5" customHeight="1" x14ac:dyDescent="0.15">
      <c r="A159" s="13"/>
      <c r="B159" s="87" t="s">
        <v>166</v>
      </c>
      <c r="C159" s="103">
        <v>4.8192771084337354</v>
      </c>
      <c r="D159" s="72">
        <v>4.0404040404040407</v>
      </c>
      <c r="E159" s="18">
        <v>5</v>
      </c>
      <c r="F159" s="18">
        <v>5.8823529411764701</v>
      </c>
      <c r="G159" s="25">
        <v>18.518518518518519</v>
      </c>
      <c r="H159" s="72">
        <v>0</v>
      </c>
      <c r="I159" s="18">
        <v>1.7543859649122806</v>
      </c>
      <c r="J159" s="18">
        <v>9.8591549295774641</v>
      </c>
      <c r="K159" s="18">
        <v>0</v>
      </c>
      <c r="L159" s="18">
        <v>7.1428571428571423</v>
      </c>
      <c r="M159" s="18">
        <v>0.97087378640776689</v>
      </c>
      <c r="N159" s="18">
        <v>6.024096385542169</v>
      </c>
      <c r="O159" s="18">
        <v>16.666666666666664</v>
      </c>
      <c r="P159" s="18">
        <v>11.111111111111111</v>
      </c>
      <c r="Q159" s="18">
        <v>5.9701492537313428</v>
      </c>
      <c r="R159" s="18">
        <v>1.6949152542372881</v>
      </c>
      <c r="S159" s="18">
        <v>6.25</v>
      </c>
      <c r="T159" s="73">
        <v>4</v>
      </c>
      <c r="U159" s="73">
        <v>1.1560693641618496</v>
      </c>
      <c r="V159" s="73">
        <v>14.285714285714285</v>
      </c>
      <c r="W159" s="25">
        <v>0.80645161290322576</v>
      </c>
    </row>
    <row r="160" spans="1:23" s="2" customFormat="1" ht="31.5" customHeight="1" x14ac:dyDescent="0.15">
      <c r="A160" s="13"/>
      <c r="B160" s="87" t="s">
        <v>167</v>
      </c>
      <c r="C160" s="103">
        <v>3.0981067125645438</v>
      </c>
      <c r="D160" s="72">
        <v>3.318903318903319</v>
      </c>
      <c r="E160" s="18">
        <v>2.6470588235294117</v>
      </c>
      <c r="F160" s="18">
        <v>2.9411764705882351</v>
      </c>
      <c r="G160" s="25">
        <v>3.7037037037037033</v>
      </c>
      <c r="H160" s="72">
        <v>0</v>
      </c>
      <c r="I160" s="18">
        <v>1.7543859649122806</v>
      </c>
      <c r="J160" s="18">
        <v>2.8169014084507045</v>
      </c>
      <c r="K160" s="18">
        <v>0</v>
      </c>
      <c r="L160" s="18">
        <v>10</v>
      </c>
      <c r="M160" s="18">
        <v>0.97087378640776689</v>
      </c>
      <c r="N160" s="18">
        <v>7.2289156626506017</v>
      </c>
      <c r="O160" s="18">
        <v>11.666666666666666</v>
      </c>
      <c r="P160" s="18">
        <v>3.7037037037037033</v>
      </c>
      <c r="Q160" s="18">
        <v>2.9850746268656714</v>
      </c>
      <c r="R160" s="18">
        <v>1.6949152542372881</v>
      </c>
      <c r="S160" s="18">
        <v>3.125</v>
      </c>
      <c r="T160" s="73">
        <v>0</v>
      </c>
      <c r="U160" s="73">
        <v>0</v>
      </c>
      <c r="V160" s="73">
        <v>0</v>
      </c>
      <c r="W160" s="25">
        <v>3.225806451612903</v>
      </c>
    </row>
    <row r="161" spans="1:23" s="2" customFormat="1" ht="31.5" customHeight="1" x14ac:dyDescent="0.15">
      <c r="A161" s="13"/>
      <c r="B161" s="87" t="s">
        <v>168</v>
      </c>
      <c r="C161" s="103">
        <v>1.7211703958691909</v>
      </c>
      <c r="D161" s="72">
        <v>0.86580086580086579</v>
      </c>
      <c r="E161" s="18">
        <v>1.7647058823529411</v>
      </c>
      <c r="F161" s="18">
        <v>5.8823529411764701</v>
      </c>
      <c r="G161" s="25">
        <v>7.4074074074074066</v>
      </c>
      <c r="H161" s="72">
        <v>0</v>
      </c>
      <c r="I161" s="18">
        <v>0</v>
      </c>
      <c r="J161" s="18">
        <v>1.4084507042253522</v>
      </c>
      <c r="K161" s="18">
        <v>0</v>
      </c>
      <c r="L161" s="18">
        <v>7.1428571428571423</v>
      </c>
      <c r="M161" s="18">
        <v>0</v>
      </c>
      <c r="N161" s="18">
        <v>0</v>
      </c>
      <c r="O161" s="18">
        <v>0</v>
      </c>
      <c r="P161" s="18">
        <v>0</v>
      </c>
      <c r="Q161" s="18">
        <v>1.4925373134328357</v>
      </c>
      <c r="R161" s="18">
        <v>0</v>
      </c>
      <c r="S161" s="18">
        <v>0</v>
      </c>
      <c r="T161" s="73">
        <v>20</v>
      </c>
      <c r="U161" s="73">
        <v>0.57803468208092479</v>
      </c>
      <c r="V161" s="73">
        <v>0</v>
      </c>
      <c r="W161" s="25">
        <v>0.80645161290322576</v>
      </c>
    </row>
    <row r="162" spans="1:23" s="2" customFormat="1" ht="31.5" customHeight="1" x14ac:dyDescent="0.15">
      <c r="A162" s="13"/>
      <c r="B162" s="23" t="s">
        <v>169</v>
      </c>
      <c r="C162" s="103">
        <v>0.43029259896729771</v>
      </c>
      <c r="D162" s="72">
        <v>0.14430014430014429</v>
      </c>
      <c r="E162" s="18">
        <v>0.58823529411764708</v>
      </c>
      <c r="F162" s="18">
        <v>0</v>
      </c>
      <c r="G162" s="25">
        <v>7.4074074074074066</v>
      </c>
      <c r="H162" s="72">
        <v>0</v>
      </c>
      <c r="I162" s="18">
        <v>0</v>
      </c>
      <c r="J162" s="18">
        <v>2.112676056338028</v>
      </c>
      <c r="K162" s="18">
        <v>0</v>
      </c>
      <c r="L162" s="18">
        <v>0</v>
      </c>
      <c r="M162" s="18">
        <v>0</v>
      </c>
      <c r="N162" s="18">
        <v>0</v>
      </c>
      <c r="O162" s="18">
        <v>3.3333333333333335</v>
      </c>
      <c r="P162" s="18">
        <v>0</v>
      </c>
      <c r="Q162" s="18">
        <v>0</v>
      </c>
      <c r="R162" s="18">
        <v>0</v>
      </c>
      <c r="S162" s="18">
        <v>0</v>
      </c>
      <c r="T162" s="73">
        <v>0</v>
      </c>
      <c r="U162" s="73">
        <v>0</v>
      </c>
      <c r="V162" s="73">
        <v>0</v>
      </c>
      <c r="W162" s="25">
        <v>0</v>
      </c>
    </row>
    <row r="163" spans="1:23" s="2" customFormat="1" ht="31.5" customHeight="1" x14ac:dyDescent="0.15">
      <c r="A163" s="13"/>
      <c r="B163" s="23" t="s">
        <v>170</v>
      </c>
      <c r="C163" s="103">
        <v>1.0327022375215147</v>
      </c>
      <c r="D163" s="72">
        <v>1.4430014430014431</v>
      </c>
      <c r="E163" s="18">
        <v>0.29411764705882354</v>
      </c>
      <c r="F163" s="18">
        <v>0.98039215686274506</v>
      </c>
      <c r="G163" s="25">
        <v>0</v>
      </c>
      <c r="H163" s="72">
        <v>0</v>
      </c>
      <c r="I163" s="18">
        <v>0</v>
      </c>
      <c r="J163" s="18">
        <v>0</v>
      </c>
      <c r="K163" s="18">
        <v>0</v>
      </c>
      <c r="L163" s="18">
        <v>7.1428571428571423</v>
      </c>
      <c r="M163" s="18">
        <v>0.97087378640776689</v>
      </c>
      <c r="N163" s="18">
        <v>1.2048192771084338</v>
      </c>
      <c r="O163" s="18">
        <v>1.6666666666666667</v>
      </c>
      <c r="P163" s="18">
        <v>0</v>
      </c>
      <c r="Q163" s="18">
        <v>2.9850746268656714</v>
      </c>
      <c r="R163" s="18">
        <v>0</v>
      </c>
      <c r="S163" s="18">
        <v>0</v>
      </c>
      <c r="T163" s="73">
        <v>2</v>
      </c>
      <c r="U163" s="73">
        <v>0</v>
      </c>
      <c r="V163" s="73">
        <v>0</v>
      </c>
      <c r="W163" s="25">
        <v>0.80645161290322576</v>
      </c>
    </row>
    <row r="164" spans="1:23" s="2" customFormat="1" ht="31.5" customHeight="1" x14ac:dyDescent="0.15">
      <c r="A164" s="13"/>
      <c r="B164" s="23" t="s">
        <v>171</v>
      </c>
      <c r="C164" s="103">
        <v>0.25817555938037867</v>
      </c>
      <c r="D164" s="72">
        <v>0.4329004329004329</v>
      </c>
      <c r="E164" s="18">
        <v>0</v>
      </c>
      <c r="F164" s="18">
        <v>0</v>
      </c>
      <c r="G164" s="25">
        <v>0</v>
      </c>
      <c r="H164" s="72">
        <v>0</v>
      </c>
      <c r="I164" s="18">
        <v>0</v>
      </c>
      <c r="J164" s="18">
        <v>0</v>
      </c>
      <c r="K164" s="18">
        <v>0</v>
      </c>
      <c r="L164" s="18">
        <v>0</v>
      </c>
      <c r="M164" s="18">
        <v>0</v>
      </c>
      <c r="N164" s="18">
        <v>0</v>
      </c>
      <c r="O164" s="18">
        <v>0</v>
      </c>
      <c r="P164" s="18">
        <v>0</v>
      </c>
      <c r="Q164" s="18">
        <v>1.4925373134328357</v>
      </c>
      <c r="R164" s="18">
        <v>0</v>
      </c>
      <c r="S164" s="18">
        <v>0</v>
      </c>
      <c r="T164" s="73">
        <v>2</v>
      </c>
      <c r="U164" s="73">
        <v>0.57803468208092479</v>
      </c>
      <c r="V164" s="73">
        <v>0</v>
      </c>
      <c r="W164" s="25">
        <v>0</v>
      </c>
    </row>
    <row r="165" spans="1:23" s="2" customFormat="1" ht="31.5" customHeight="1" x14ac:dyDescent="0.15">
      <c r="A165" s="13"/>
      <c r="B165" s="23" t="s">
        <v>137</v>
      </c>
      <c r="C165" s="103">
        <v>1.376936316695353</v>
      </c>
      <c r="D165" s="72">
        <v>1.5873015873015872</v>
      </c>
      <c r="E165" s="18">
        <v>1.4705882352941175</v>
      </c>
      <c r="F165" s="18">
        <v>0</v>
      </c>
      <c r="G165" s="25">
        <v>0</v>
      </c>
      <c r="H165" s="72">
        <v>0</v>
      </c>
      <c r="I165" s="18">
        <v>1.7543859649122806</v>
      </c>
      <c r="J165" s="18">
        <v>0.70422535211267612</v>
      </c>
      <c r="K165" s="18">
        <v>0</v>
      </c>
      <c r="L165" s="18">
        <v>1.4285714285714286</v>
      </c>
      <c r="M165" s="18">
        <v>0.97087378640776689</v>
      </c>
      <c r="N165" s="18">
        <v>1.2048192771084338</v>
      </c>
      <c r="O165" s="18">
        <v>1.6666666666666667</v>
      </c>
      <c r="P165" s="18">
        <v>3.7037037037037033</v>
      </c>
      <c r="Q165" s="18">
        <v>0</v>
      </c>
      <c r="R165" s="18">
        <v>1.6949152542372881</v>
      </c>
      <c r="S165" s="18">
        <v>3.125</v>
      </c>
      <c r="T165" s="73">
        <v>2</v>
      </c>
      <c r="U165" s="73">
        <v>1.7341040462427744</v>
      </c>
      <c r="V165" s="73">
        <v>0</v>
      </c>
      <c r="W165" s="25">
        <v>1.6129032258064515</v>
      </c>
    </row>
    <row r="166" spans="1:23" s="2" customFormat="1" ht="31.5" customHeight="1" thickBot="1" x14ac:dyDescent="0.2">
      <c r="A166" s="46" t="s">
        <v>172</v>
      </c>
      <c r="B166" s="47"/>
      <c r="C166" s="104">
        <v>32.874354561101548</v>
      </c>
      <c r="D166" s="105">
        <v>39.538239538239537</v>
      </c>
      <c r="E166" s="106">
        <v>19.705882352941178</v>
      </c>
      <c r="F166" s="106">
        <v>28.431372549019606</v>
      </c>
      <c r="G166" s="107">
        <v>44.444444444444443</v>
      </c>
      <c r="H166" s="105">
        <v>54.54545454545454</v>
      </c>
      <c r="I166" s="106">
        <v>21.052631578947366</v>
      </c>
      <c r="J166" s="106">
        <v>23.239436619718308</v>
      </c>
      <c r="K166" s="106">
        <v>73.68421052631578</v>
      </c>
      <c r="L166" s="106">
        <v>50</v>
      </c>
      <c r="M166" s="106">
        <v>20.388349514563107</v>
      </c>
      <c r="N166" s="106">
        <v>22.891566265060241</v>
      </c>
      <c r="O166" s="106">
        <v>68.333333333333329</v>
      </c>
      <c r="P166" s="106">
        <v>33.333333333333329</v>
      </c>
      <c r="Q166" s="106">
        <v>40.298507462686565</v>
      </c>
      <c r="R166" s="106">
        <v>27.118644067796609</v>
      </c>
      <c r="S166" s="106">
        <v>37.5</v>
      </c>
      <c r="T166" s="108">
        <v>32</v>
      </c>
      <c r="U166" s="108">
        <v>30.635838150289018</v>
      </c>
      <c r="V166" s="108">
        <v>35.714285714285715</v>
      </c>
      <c r="W166" s="30">
        <v>37.096774193548384</v>
      </c>
    </row>
    <row r="167" spans="1:23" s="2" customFormat="1" x14ac:dyDescent="0.15"/>
    <row r="168" spans="1:23" s="2" customFormat="1" x14ac:dyDescent="0.15"/>
    <row r="169" spans="1:23" s="2" customFormat="1" x14ac:dyDescent="0.15">
      <c r="A169" s="2" t="s">
        <v>173</v>
      </c>
      <c r="F169" s="2" t="s">
        <v>424</v>
      </c>
    </row>
    <row r="170" spans="1:23" s="2" customFormat="1" ht="14.25" thickBot="1" x14ac:dyDescent="0.2">
      <c r="V170" s="1"/>
      <c r="W170" s="1" t="s">
        <v>75</v>
      </c>
    </row>
    <row r="171" spans="1:23" s="2" customFormat="1" x14ac:dyDescent="0.15">
      <c r="A171" s="4"/>
      <c r="B171" s="5" t="s">
        <v>76</v>
      </c>
      <c r="C171" s="67"/>
      <c r="D171" s="37" t="s">
        <v>15</v>
      </c>
      <c r="E171" s="38"/>
      <c r="F171" s="38"/>
      <c r="G171" s="48"/>
      <c r="H171" s="37" t="s">
        <v>20</v>
      </c>
      <c r="I171" s="38"/>
      <c r="J171" s="38"/>
      <c r="K171" s="38"/>
      <c r="L171" s="38"/>
      <c r="M171" s="38"/>
      <c r="N171" s="38"/>
      <c r="O171" s="38"/>
      <c r="P171" s="38"/>
      <c r="Q171" s="38"/>
      <c r="R171" s="38"/>
      <c r="S171" s="38"/>
      <c r="T171" s="38"/>
      <c r="U171" s="38"/>
      <c r="V171" s="38"/>
      <c r="W171" s="48"/>
    </row>
    <row r="172" spans="1:23" s="2" customFormat="1" ht="54.75" thickBot="1" x14ac:dyDescent="0.2">
      <c r="A172" s="13" t="s">
        <v>87</v>
      </c>
      <c r="C172" s="68" t="s">
        <v>19</v>
      </c>
      <c r="D172" s="50" t="s">
        <v>174</v>
      </c>
      <c r="E172" s="51" t="s">
        <v>78</v>
      </c>
      <c r="F172" s="51" t="s">
        <v>109</v>
      </c>
      <c r="G172" s="52" t="s">
        <v>1</v>
      </c>
      <c r="H172" s="53" t="s">
        <v>2</v>
      </c>
      <c r="I172" s="11" t="s">
        <v>105</v>
      </c>
      <c r="J172" s="11" t="s">
        <v>129</v>
      </c>
      <c r="K172" s="54" t="s">
        <v>81</v>
      </c>
      <c r="L172" s="55" t="s">
        <v>4</v>
      </c>
      <c r="M172" s="56" t="s">
        <v>5</v>
      </c>
      <c r="N172" s="55" t="s">
        <v>82</v>
      </c>
      <c r="O172" s="55" t="s">
        <v>6</v>
      </c>
      <c r="P172" s="56" t="s">
        <v>7</v>
      </c>
      <c r="Q172" s="57" t="s">
        <v>8</v>
      </c>
      <c r="R172" s="56" t="s">
        <v>9</v>
      </c>
      <c r="S172" s="55" t="s">
        <v>10</v>
      </c>
      <c r="T172" s="55" t="s">
        <v>11</v>
      </c>
      <c r="U172" s="55" t="s">
        <v>12</v>
      </c>
      <c r="V172" s="58" t="s">
        <v>83</v>
      </c>
      <c r="W172" s="59" t="s">
        <v>13</v>
      </c>
    </row>
    <row r="173" spans="1:23" s="2" customFormat="1" ht="31.5" customHeight="1" x14ac:dyDescent="0.15">
      <c r="A173" s="4" t="s">
        <v>175</v>
      </c>
      <c r="B173" s="33"/>
      <c r="C173" s="60">
        <v>93.491124260355036</v>
      </c>
      <c r="D173" s="70">
        <v>90.322580645161281</v>
      </c>
      <c r="E173" s="63">
        <v>97.94721407624634</v>
      </c>
      <c r="F173" s="63">
        <v>100</v>
      </c>
      <c r="G173" s="15">
        <v>96.296296296296291</v>
      </c>
      <c r="H173" s="70">
        <v>100</v>
      </c>
      <c r="I173" s="63">
        <v>84.482758620689651</v>
      </c>
      <c r="J173" s="63">
        <v>95.714285714285722</v>
      </c>
      <c r="K173" s="63">
        <v>100</v>
      </c>
      <c r="L173" s="63">
        <v>95.945945945945937</v>
      </c>
      <c r="M173" s="63">
        <v>92.38095238095238</v>
      </c>
      <c r="N173" s="63">
        <v>95.402298850574709</v>
      </c>
      <c r="O173" s="63">
        <v>98.275862068965509</v>
      </c>
      <c r="P173" s="63">
        <v>96.428571428571431</v>
      </c>
      <c r="Q173" s="63">
        <v>92.753623188405797</v>
      </c>
      <c r="R173" s="63">
        <v>86.885245901639337</v>
      </c>
      <c r="S173" s="63">
        <v>91.428571428571431</v>
      </c>
      <c r="T173" s="61">
        <v>97.959183673469383</v>
      </c>
      <c r="U173" s="61">
        <v>94.318181818181827</v>
      </c>
      <c r="V173" s="61">
        <v>100</v>
      </c>
      <c r="W173" s="15">
        <v>92.857142857142861</v>
      </c>
    </row>
    <row r="174" spans="1:23" ht="31.5" customHeight="1" x14ac:dyDescent="0.15">
      <c r="A174" s="13"/>
      <c r="B174" s="87" t="s">
        <v>176</v>
      </c>
      <c r="C174" s="103">
        <v>14.370245139475909</v>
      </c>
      <c r="D174" s="72">
        <v>16.409537166900421</v>
      </c>
      <c r="E174" s="18">
        <v>13.196480938416421</v>
      </c>
      <c r="F174" s="18">
        <v>5.8823529411764701</v>
      </c>
      <c r="G174" s="25">
        <v>7.4074074074074066</v>
      </c>
      <c r="H174" s="72">
        <v>10</v>
      </c>
      <c r="I174" s="18">
        <v>26.72413793103448</v>
      </c>
      <c r="J174" s="18">
        <v>10.714285714285714</v>
      </c>
      <c r="K174" s="18">
        <v>0</v>
      </c>
      <c r="L174" s="18">
        <v>14.864864864864865</v>
      </c>
      <c r="M174" s="18">
        <v>21.904761904761905</v>
      </c>
      <c r="N174" s="18">
        <v>6.8965517241379306</v>
      </c>
      <c r="O174" s="18">
        <v>8.6206896551724146</v>
      </c>
      <c r="P174" s="18">
        <v>21.428571428571427</v>
      </c>
      <c r="Q174" s="18">
        <v>18.840579710144929</v>
      </c>
      <c r="R174" s="18">
        <v>14.754098360655737</v>
      </c>
      <c r="S174" s="18">
        <v>20</v>
      </c>
      <c r="T174" s="73">
        <v>4.0816326530612246</v>
      </c>
      <c r="U174" s="73">
        <v>12.5</v>
      </c>
      <c r="V174" s="73">
        <v>3.3333333333333335</v>
      </c>
      <c r="W174" s="25">
        <v>14.285714285714285</v>
      </c>
    </row>
    <row r="175" spans="1:23" ht="31.5" customHeight="1" x14ac:dyDescent="0.15">
      <c r="A175" s="13"/>
      <c r="B175" s="87" t="s">
        <v>177</v>
      </c>
      <c r="C175" s="103">
        <v>77.176669484361796</v>
      </c>
      <c r="D175" s="72">
        <v>71.107994389901819</v>
      </c>
      <c r="E175" s="18">
        <v>83.870967741935488</v>
      </c>
      <c r="F175" s="18">
        <v>94.117647058823522</v>
      </c>
      <c r="G175" s="25">
        <v>88.888888888888886</v>
      </c>
      <c r="H175" s="72">
        <v>90</v>
      </c>
      <c r="I175" s="18">
        <v>56.896551724137936</v>
      </c>
      <c r="J175" s="18">
        <v>83.571428571428569</v>
      </c>
      <c r="K175" s="18">
        <v>100</v>
      </c>
      <c r="L175" s="18">
        <v>72.972972972972968</v>
      </c>
      <c r="M175" s="18">
        <v>67.61904761904762</v>
      </c>
      <c r="N175" s="18">
        <v>88.505747126436788</v>
      </c>
      <c r="O175" s="18">
        <v>89.65517241379311</v>
      </c>
      <c r="P175" s="18">
        <v>67.857142857142861</v>
      </c>
      <c r="Q175" s="18">
        <v>72.463768115942031</v>
      </c>
      <c r="R175" s="18">
        <v>70.491803278688522</v>
      </c>
      <c r="S175" s="18">
        <v>71.428571428571431</v>
      </c>
      <c r="T175" s="73">
        <v>91.83673469387756</v>
      </c>
      <c r="U175" s="73">
        <v>80.11363636363636</v>
      </c>
      <c r="V175" s="73">
        <v>96.666666666666671</v>
      </c>
      <c r="W175" s="25">
        <v>76.19047619047619</v>
      </c>
    </row>
    <row r="176" spans="1:23" s="2" customFormat="1" ht="31.5" customHeight="1" x14ac:dyDescent="0.15">
      <c r="A176" s="13"/>
      <c r="B176" s="87" t="s">
        <v>178</v>
      </c>
      <c r="C176" s="103">
        <v>1.9442096365173289</v>
      </c>
      <c r="D176" s="72">
        <v>2.8050490883590462</v>
      </c>
      <c r="E176" s="18">
        <v>0.87976539589442826</v>
      </c>
      <c r="F176" s="18">
        <v>0</v>
      </c>
      <c r="G176" s="25">
        <v>0</v>
      </c>
      <c r="H176" s="72">
        <v>0</v>
      </c>
      <c r="I176" s="18">
        <v>0.86206896551724133</v>
      </c>
      <c r="J176" s="18">
        <v>1.4285714285714286</v>
      </c>
      <c r="K176" s="18">
        <v>0</v>
      </c>
      <c r="L176" s="18">
        <v>8.1081081081081088</v>
      </c>
      <c r="M176" s="18">
        <v>2.8571428571428572</v>
      </c>
      <c r="N176" s="18">
        <v>0</v>
      </c>
      <c r="O176" s="18">
        <v>0</v>
      </c>
      <c r="P176" s="18">
        <v>7.1428571428571423</v>
      </c>
      <c r="Q176" s="18">
        <v>1.4492753623188406</v>
      </c>
      <c r="R176" s="18">
        <v>1.639344262295082</v>
      </c>
      <c r="S176" s="18">
        <v>0</v>
      </c>
      <c r="T176" s="73">
        <v>2.0408163265306123</v>
      </c>
      <c r="U176" s="73">
        <v>1.7045454545454544</v>
      </c>
      <c r="V176" s="73">
        <v>0</v>
      </c>
      <c r="W176" s="25">
        <v>2.3809523809523809</v>
      </c>
    </row>
    <row r="177" spans="1:23" s="2" customFormat="1" ht="31.5" customHeight="1" thickBot="1" x14ac:dyDescent="0.2">
      <c r="A177" s="46" t="s">
        <v>179</v>
      </c>
      <c r="B177" s="47"/>
      <c r="C177" s="64">
        <v>6.5088757396449708</v>
      </c>
      <c r="D177" s="77">
        <v>9.67741935483871</v>
      </c>
      <c r="E177" s="29">
        <v>2.0527859237536656</v>
      </c>
      <c r="F177" s="29">
        <v>0</v>
      </c>
      <c r="G177" s="30">
        <v>3.7037037037037033</v>
      </c>
      <c r="H177" s="77">
        <v>0</v>
      </c>
      <c r="I177" s="29">
        <v>15.517241379310345</v>
      </c>
      <c r="J177" s="29">
        <v>4.2857142857142856</v>
      </c>
      <c r="K177" s="29">
        <v>0</v>
      </c>
      <c r="L177" s="29">
        <v>4.0540540540540544</v>
      </c>
      <c r="M177" s="29">
        <v>7.6190476190476195</v>
      </c>
      <c r="N177" s="29">
        <v>4.5977011494252871</v>
      </c>
      <c r="O177" s="29">
        <v>1.7241379310344827</v>
      </c>
      <c r="P177" s="29">
        <v>3.5714285714285712</v>
      </c>
      <c r="Q177" s="29">
        <v>7.2463768115942031</v>
      </c>
      <c r="R177" s="29">
        <v>13.114754098360656</v>
      </c>
      <c r="S177" s="29">
        <v>8.5714285714285712</v>
      </c>
      <c r="T177" s="65">
        <v>2.0408163265306123</v>
      </c>
      <c r="U177" s="65">
        <v>5.6818181818181817</v>
      </c>
      <c r="V177" s="65">
        <v>0</v>
      </c>
      <c r="W177" s="30">
        <v>7.1428571428571423</v>
      </c>
    </row>
    <row r="178" spans="1:23" s="2" customFormat="1" x14ac:dyDescent="0.15"/>
    <row r="179" spans="1:23" s="2" customFormat="1" x14ac:dyDescent="0.15"/>
    <row r="180" spans="1:23" s="2" customFormat="1" x14ac:dyDescent="0.15">
      <c r="A180" s="2" t="s">
        <v>180</v>
      </c>
      <c r="F180" s="2" t="s">
        <v>436</v>
      </c>
    </row>
    <row r="181" spans="1:23" s="2" customFormat="1" ht="14.25" thickBot="1" x14ac:dyDescent="0.2">
      <c r="V181" s="1"/>
      <c r="W181" s="1" t="s">
        <v>75</v>
      </c>
    </row>
    <row r="182" spans="1:23" s="2" customFormat="1" x14ac:dyDescent="0.15">
      <c r="A182" s="4"/>
      <c r="B182" s="5" t="s">
        <v>76</v>
      </c>
      <c r="C182" s="67"/>
      <c r="D182" s="37" t="s">
        <v>15</v>
      </c>
      <c r="E182" s="38"/>
      <c r="F182" s="38"/>
      <c r="G182" s="48"/>
      <c r="H182" s="37" t="s">
        <v>20</v>
      </c>
      <c r="I182" s="38"/>
      <c r="J182" s="38"/>
      <c r="K182" s="38"/>
      <c r="L182" s="38"/>
      <c r="M182" s="38"/>
      <c r="N182" s="38"/>
      <c r="O182" s="38"/>
      <c r="P182" s="38"/>
      <c r="Q182" s="38"/>
      <c r="R182" s="38"/>
      <c r="S182" s="38"/>
      <c r="T182" s="38"/>
      <c r="U182" s="38"/>
      <c r="V182" s="38"/>
      <c r="W182" s="48"/>
    </row>
    <row r="183" spans="1:23" s="2" customFormat="1" ht="54.75" thickBot="1" x14ac:dyDescent="0.2">
      <c r="A183" s="13" t="s">
        <v>87</v>
      </c>
      <c r="C183" s="68" t="s">
        <v>19</v>
      </c>
      <c r="D183" s="50" t="s">
        <v>174</v>
      </c>
      <c r="E183" s="51" t="s">
        <v>181</v>
      </c>
      <c r="F183" s="51" t="s">
        <v>109</v>
      </c>
      <c r="G183" s="52" t="s">
        <v>1</v>
      </c>
      <c r="H183" s="53" t="s">
        <v>2</v>
      </c>
      <c r="I183" s="11" t="s">
        <v>182</v>
      </c>
      <c r="J183" s="11" t="s">
        <v>129</v>
      </c>
      <c r="K183" s="54" t="s">
        <v>183</v>
      </c>
      <c r="L183" s="55" t="s">
        <v>4</v>
      </c>
      <c r="M183" s="56" t="s">
        <v>5</v>
      </c>
      <c r="N183" s="55" t="s">
        <v>82</v>
      </c>
      <c r="O183" s="55" t="s">
        <v>6</v>
      </c>
      <c r="P183" s="56" t="s">
        <v>7</v>
      </c>
      <c r="Q183" s="57" t="s">
        <v>8</v>
      </c>
      <c r="R183" s="56" t="s">
        <v>9</v>
      </c>
      <c r="S183" s="55" t="s">
        <v>10</v>
      </c>
      <c r="T183" s="55" t="s">
        <v>11</v>
      </c>
      <c r="U183" s="55" t="s">
        <v>12</v>
      </c>
      <c r="V183" s="58" t="s">
        <v>83</v>
      </c>
      <c r="W183" s="59" t="s">
        <v>13</v>
      </c>
    </row>
    <row r="184" spans="1:23" s="2" customFormat="1" ht="33" customHeight="1" x14ac:dyDescent="0.15">
      <c r="A184" s="4" t="s">
        <v>175</v>
      </c>
      <c r="B184" s="33"/>
      <c r="C184" s="60">
        <v>88.870292887029294</v>
      </c>
      <c r="D184" s="70">
        <v>84.305555555555557</v>
      </c>
      <c r="E184" s="63">
        <v>95.375722543352609</v>
      </c>
      <c r="F184" s="63">
        <v>98.05825242718447</v>
      </c>
      <c r="G184" s="15">
        <v>92.307692307692307</v>
      </c>
      <c r="H184" s="70">
        <v>100</v>
      </c>
      <c r="I184" s="63">
        <v>93.965517241379317</v>
      </c>
      <c r="J184" s="63">
        <v>87.323943661971825</v>
      </c>
      <c r="K184" s="63">
        <v>100</v>
      </c>
      <c r="L184" s="63">
        <v>79.729729729729726</v>
      </c>
      <c r="M184" s="63">
        <v>83.018867924528308</v>
      </c>
      <c r="N184" s="63">
        <v>93.258426966292134</v>
      </c>
      <c r="O184" s="63">
        <v>98.360655737704917</v>
      </c>
      <c r="P184" s="63">
        <v>96.296296296296291</v>
      </c>
      <c r="Q184" s="63">
        <v>90</v>
      </c>
      <c r="R184" s="63">
        <v>76.666666666666671</v>
      </c>
      <c r="S184" s="63">
        <v>80</v>
      </c>
      <c r="T184" s="61">
        <v>94.117647058823522</v>
      </c>
      <c r="U184" s="61">
        <v>93.258426966292134</v>
      </c>
      <c r="V184" s="61">
        <v>100</v>
      </c>
      <c r="W184" s="15">
        <v>81.102362204724415</v>
      </c>
    </row>
    <row r="185" spans="1:23" ht="33" customHeight="1" x14ac:dyDescent="0.15">
      <c r="A185" s="13"/>
      <c r="B185" s="87" t="s">
        <v>184</v>
      </c>
      <c r="C185" s="103">
        <v>61.255230125523006</v>
      </c>
      <c r="D185" s="72">
        <v>60</v>
      </c>
      <c r="E185" s="18">
        <v>67.919075144508668</v>
      </c>
      <c r="F185" s="18">
        <v>53.398058252427184</v>
      </c>
      <c r="G185" s="25">
        <v>38.461538461538467</v>
      </c>
      <c r="H185" s="72">
        <v>80</v>
      </c>
      <c r="I185" s="18">
        <v>70.689655172413794</v>
      </c>
      <c r="J185" s="18">
        <v>56.338028169014088</v>
      </c>
      <c r="K185" s="18">
        <v>5.2631578947368416</v>
      </c>
      <c r="L185" s="18">
        <v>48.648648648648653</v>
      </c>
      <c r="M185" s="18">
        <v>68.867924528301884</v>
      </c>
      <c r="N185" s="18">
        <v>53.932584269662918</v>
      </c>
      <c r="O185" s="18">
        <v>24.590163934426229</v>
      </c>
      <c r="P185" s="18">
        <v>66.666666666666657</v>
      </c>
      <c r="Q185" s="18">
        <v>64.285714285714292</v>
      </c>
      <c r="R185" s="18">
        <v>56.666666666666664</v>
      </c>
      <c r="S185" s="18">
        <v>62.857142857142854</v>
      </c>
      <c r="T185" s="73">
        <v>78.431372549019613</v>
      </c>
      <c r="U185" s="73">
        <v>75.280898876404493</v>
      </c>
      <c r="V185" s="73">
        <v>66.666666666666657</v>
      </c>
      <c r="W185" s="25">
        <v>59.842519685039377</v>
      </c>
    </row>
    <row r="186" spans="1:23" ht="33" customHeight="1" x14ac:dyDescent="0.15">
      <c r="A186" s="13"/>
      <c r="B186" s="87" t="s">
        <v>185</v>
      </c>
      <c r="C186" s="103">
        <v>4.435146443514645</v>
      </c>
      <c r="D186" s="72">
        <v>5.1388888888888884</v>
      </c>
      <c r="E186" s="18">
        <v>4.0462427745664744</v>
      </c>
      <c r="F186" s="18">
        <v>0</v>
      </c>
      <c r="G186" s="25">
        <v>7.6923076923076925</v>
      </c>
      <c r="H186" s="72">
        <v>0</v>
      </c>
      <c r="I186" s="18">
        <v>2.5862068965517242</v>
      </c>
      <c r="J186" s="18">
        <v>3.5211267605633805</v>
      </c>
      <c r="K186" s="18">
        <v>5.2631578947368416</v>
      </c>
      <c r="L186" s="18">
        <v>1.3513513513513513</v>
      </c>
      <c r="M186" s="18">
        <v>3.7735849056603774</v>
      </c>
      <c r="N186" s="18">
        <v>5.6179775280898872</v>
      </c>
      <c r="O186" s="18">
        <v>9.8360655737704921</v>
      </c>
      <c r="P186" s="18">
        <v>3.7037037037037033</v>
      </c>
      <c r="Q186" s="18">
        <v>7.1428571428571423</v>
      </c>
      <c r="R186" s="18">
        <v>6.666666666666667</v>
      </c>
      <c r="S186" s="18">
        <v>8.5714285714285712</v>
      </c>
      <c r="T186" s="73">
        <v>1.9607843137254901</v>
      </c>
      <c r="U186" s="73">
        <v>3.3707865168539324</v>
      </c>
      <c r="V186" s="73">
        <v>10</v>
      </c>
      <c r="W186" s="25">
        <v>3.9370078740157481</v>
      </c>
    </row>
    <row r="187" spans="1:23" s="2" customFormat="1" ht="33" customHeight="1" x14ac:dyDescent="0.15">
      <c r="A187" s="13"/>
      <c r="B187" s="87" t="s">
        <v>186</v>
      </c>
      <c r="C187" s="103">
        <v>21.506276150627617</v>
      </c>
      <c r="D187" s="72">
        <v>17.5</v>
      </c>
      <c r="E187" s="18">
        <v>21.098265895953759</v>
      </c>
      <c r="F187" s="18">
        <v>44.660194174757287</v>
      </c>
      <c r="G187" s="25">
        <v>46.153846153846153</v>
      </c>
      <c r="H187" s="72">
        <v>20</v>
      </c>
      <c r="I187" s="18">
        <v>18.103448275862068</v>
      </c>
      <c r="J187" s="18">
        <v>27.464788732394368</v>
      </c>
      <c r="K187" s="18">
        <v>89.473684210526315</v>
      </c>
      <c r="L187" s="18">
        <v>29.72972972972973</v>
      </c>
      <c r="M187" s="18">
        <v>8.4905660377358494</v>
      </c>
      <c r="N187" s="18">
        <v>32.584269662921351</v>
      </c>
      <c r="O187" s="18">
        <v>63.934426229508205</v>
      </c>
      <c r="P187" s="18">
        <v>22.222222222222221</v>
      </c>
      <c r="Q187" s="18">
        <v>18.571428571428573</v>
      </c>
      <c r="R187" s="18">
        <v>5</v>
      </c>
      <c r="S187" s="18">
        <v>8.5714285714285712</v>
      </c>
      <c r="T187" s="73">
        <v>9.8039215686274517</v>
      </c>
      <c r="U187" s="73">
        <v>13.48314606741573</v>
      </c>
      <c r="V187" s="73">
        <v>23.333333333333332</v>
      </c>
      <c r="W187" s="25">
        <v>14.173228346456693</v>
      </c>
    </row>
    <row r="188" spans="1:23" s="2" customFormat="1" ht="33" customHeight="1" x14ac:dyDescent="0.15">
      <c r="A188" s="13"/>
      <c r="B188" s="87" t="s">
        <v>100</v>
      </c>
      <c r="C188" s="103">
        <v>1.6736401673640167</v>
      </c>
      <c r="D188" s="72">
        <v>1.6666666666666667</v>
      </c>
      <c r="E188" s="18">
        <v>2.3121387283236992</v>
      </c>
      <c r="F188" s="18">
        <v>0</v>
      </c>
      <c r="G188" s="25">
        <v>0</v>
      </c>
      <c r="H188" s="72">
        <v>0</v>
      </c>
      <c r="I188" s="18">
        <v>2.5862068965517242</v>
      </c>
      <c r="J188" s="18">
        <v>0</v>
      </c>
      <c r="K188" s="18">
        <v>0</v>
      </c>
      <c r="L188" s="18">
        <v>0</v>
      </c>
      <c r="M188" s="18">
        <v>1.8867924528301887</v>
      </c>
      <c r="N188" s="18">
        <v>1.1235955056179776</v>
      </c>
      <c r="O188" s="18">
        <v>0</v>
      </c>
      <c r="P188" s="18">
        <v>3.7037037037037033</v>
      </c>
      <c r="Q188" s="18">
        <v>0</v>
      </c>
      <c r="R188" s="18">
        <v>8.3333333333333321</v>
      </c>
      <c r="S188" s="18">
        <v>0</v>
      </c>
      <c r="T188" s="73">
        <v>3.9215686274509802</v>
      </c>
      <c r="U188" s="73">
        <v>1.1235955056179776</v>
      </c>
      <c r="V188" s="73">
        <v>0</v>
      </c>
      <c r="W188" s="25">
        <v>3.1496062992125982</v>
      </c>
    </row>
    <row r="189" spans="1:23" s="2" customFormat="1" ht="33" customHeight="1" thickBot="1" x14ac:dyDescent="0.2">
      <c r="A189" s="46" t="s">
        <v>187</v>
      </c>
      <c r="B189" s="47"/>
      <c r="C189" s="64">
        <v>11.129707112970712</v>
      </c>
      <c r="D189" s="77">
        <v>15.694444444444445</v>
      </c>
      <c r="E189" s="29">
        <v>4.6242774566473983</v>
      </c>
      <c r="F189" s="29">
        <v>1.9417475728155338</v>
      </c>
      <c r="G189" s="30">
        <v>7.6923076923076925</v>
      </c>
      <c r="H189" s="77">
        <v>0</v>
      </c>
      <c r="I189" s="29">
        <v>6.0344827586206895</v>
      </c>
      <c r="J189" s="29">
        <v>12.676056338028168</v>
      </c>
      <c r="K189" s="29">
        <v>0</v>
      </c>
      <c r="L189" s="29">
        <v>20.27027027027027</v>
      </c>
      <c r="M189" s="29">
        <v>16.981132075471699</v>
      </c>
      <c r="N189" s="29">
        <v>6.7415730337078648</v>
      </c>
      <c r="O189" s="29">
        <v>1.639344262295082</v>
      </c>
      <c r="P189" s="29">
        <v>3.7037037037037033</v>
      </c>
      <c r="Q189" s="29">
        <v>10</v>
      </c>
      <c r="R189" s="29">
        <v>23.333333333333332</v>
      </c>
      <c r="S189" s="29">
        <v>20</v>
      </c>
      <c r="T189" s="65">
        <v>5.8823529411764701</v>
      </c>
      <c r="U189" s="65">
        <v>6.7415730337078648</v>
      </c>
      <c r="V189" s="65">
        <v>0</v>
      </c>
      <c r="W189" s="30">
        <v>18.897637795275589</v>
      </c>
    </row>
    <row r="190" spans="1:23" s="2" customFormat="1" ht="18.75" customHeight="1" x14ac:dyDescent="0.15"/>
    <row r="191" spans="1:23" s="2" customFormat="1" ht="18.75" customHeight="1" x14ac:dyDescent="0.15"/>
    <row r="192" spans="1:23" s="2" customFormat="1" x14ac:dyDescent="0.15">
      <c r="A192" s="2" t="s">
        <v>188</v>
      </c>
      <c r="F192" s="2" t="s">
        <v>437</v>
      </c>
    </row>
    <row r="193" spans="1:23" s="2" customFormat="1" ht="14.25" thickBot="1" x14ac:dyDescent="0.2">
      <c r="V193" s="1"/>
      <c r="W193" s="1" t="s">
        <v>75</v>
      </c>
    </row>
    <row r="194" spans="1:23" s="2" customFormat="1" x14ac:dyDescent="0.15">
      <c r="A194" s="4"/>
      <c r="B194" s="5" t="s">
        <v>76</v>
      </c>
      <c r="C194" s="67"/>
      <c r="D194" s="37" t="s">
        <v>15</v>
      </c>
      <c r="E194" s="38"/>
      <c r="F194" s="38"/>
      <c r="G194" s="48"/>
      <c r="H194" s="37" t="s">
        <v>20</v>
      </c>
      <c r="I194" s="38"/>
      <c r="J194" s="38"/>
      <c r="K194" s="38"/>
      <c r="L194" s="38"/>
      <c r="M194" s="38"/>
      <c r="N194" s="38"/>
      <c r="O194" s="38"/>
      <c r="P194" s="38"/>
      <c r="Q194" s="38"/>
      <c r="R194" s="38"/>
      <c r="S194" s="38"/>
      <c r="T194" s="38"/>
      <c r="U194" s="38"/>
      <c r="V194" s="38"/>
      <c r="W194" s="48"/>
    </row>
    <row r="195" spans="1:23" s="2" customFormat="1" ht="54.75" thickBot="1" x14ac:dyDescent="0.2">
      <c r="A195" s="13" t="s">
        <v>87</v>
      </c>
      <c r="C195" s="68" t="s">
        <v>19</v>
      </c>
      <c r="D195" s="50" t="s">
        <v>61</v>
      </c>
      <c r="E195" s="51" t="s">
        <v>151</v>
      </c>
      <c r="F195" s="51" t="s">
        <v>109</v>
      </c>
      <c r="G195" s="52" t="s">
        <v>1</v>
      </c>
      <c r="H195" s="53" t="s">
        <v>2</v>
      </c>
      <c r="I195" s="11" t="s">
        <v>89</v>
      </c>
      <c r="J195" s="11" t="s">
        <v>129</v>
      </c>
      <c r="K195" s="54" t="s">
        <v>183</v>
      </c>
      <c r="L195" s="55" t="s">
        <v>4</v>
      </c>
      <c r="M195" s="56" t="s">
        <v>5</v>
      </c>
      <c r="N195" s="55" t="s">
        <v>82</v>
      </c>
      <c r="O195" s="55" t="s">
        <v>6</v>
      </c>
      <c r="P195" s="56" t="s">
        <v>7</v>
      </c>
      <c r="Q195" s="57" t="s">
        <v>8</v>
      </c>
      <c r="R195" s="56" t="s">
        <v>9</v>
      </c>
      <c r="S195" s="55" t="s">
        <v>10</v>
      </c>
      <c r="T195" s="55" t="s">
        <v>11</v>
      </c>
      <c r="U195" s="55" t="s">
        <v>12</v>
      </c>
      <c r="V195" s="58" t="s">
        <v>83</v>
      </c>
      <c r="W195" s="59" t="s">
        <v>13</v>
      </c>
    </row>
    <row r="196" spans="1:23" s="2" customFormat="1" ht="33.75" customHeight="1" x14ac:dyDescent="0.15">
      <c r="A196" s="37" t="s">
        <v>189</v>
      </c>
      <c r="B196" s="38"/>
      <c r="C196" s="60">
        <v>51.221995926680243</v>
      </c>
      <c r="D196" s="70">
        <v>47.122302158273385</v>
      </c>
      <c r="E196" s="63">
        <v>49.836065573770497</v>
      </c>
      <c r="F196" s="63">
        <v>69.696969696969703</v>
      </c>
      <c r="G196" s="15">
        <v>90.909090909090907</v>
      </c>
      <c r="H196" s="70">
        <v>30</v>
      </c>
      <c r="I196" s="63">
        <v>24.509803921568626</v>
      </c>
      <c r="J196" s="63">
        <v>54.237288135593218</v>
      </c>
      <c r="K196" s="63">
        <v>88.888888888888886</v>
      </c>
      <c r="L196" s="63">
        <v>57.894736842105267</v>
      </c>
      <c r="M196" s="63">
        <v>59.259259259259252</v>
      </c>
      <c r="N196" s="63">
        <v>59.210526315789465</v>
      </c>
      <c r="O196" s="63">
        <v>85.18518518518519</v>
      </c>
      <c r="P196" s="63">
        <v>45.833333333333329</v>
      </c>
      <c r="Q196" s="63">
        <v>34.482758620689658</v>
      </c>
      <c r="R196" s="63">
        <v>45.945945945945951</v>
      </c>
      <c r="S196" s="63">
        <v>58.333333333333336</v>
      </c>
      <c r="T196" s="61">
        <v>55.555555555555557</v>
      </c>
      <c r="U196" s="61">
        <v>42.038216560509554</v>
      </c>
      <c r="V196" s="61">
        <v>66.666666666666657</v>
      </c>
      <c r="W196" s="15">
        <v>55.319148936170215</v>
      </c>
    </row>
    <row r="197" spans="1:23" s="2" customFormat="1" ht="33.75" customHeight="1" x14ac:dyDescent="0.15">
      <c r="A197" s="39" t="s">
        <v>190</v>
      </c>
      <c r="B197" s="40"/>
      <c r="C197" s="103">
        <v>37.474541751527497</v>
      </c>
      <c r="D197" s="72">
        <v>41.906474820143885</v>
      </c>
      <c r="E197" s="18">
        <v>38.360655737704917</v>
      </c>
      <c r="F197" s="18">
        <v>17.171717171717169</v>
      </c>
      <c r="G197" s="25">
        <v>4.5454545454545459</v>
      </c>
      <c r="H197" s="72">
        <v>60</v>
      </c>
      <c r="I197" s="18">
        <v>59.803921568627452</v>
      </c>
      <c r="J197" s="18">
        <v>51.694915254237287</v>
      </c>
      <c r="K197" s="18">
        <v>5.5555555555555554</v>
      </c>
      <c r="L197" s="18">
        <v>38.596491228070171</v>
      </c>
      <c r="M197" s="18">
        <v>46.913580246913575</v>
      </c>
      <c r="N197" s="18">
        <v>32.894736842105267</v>
      </c>
      <c r="O197" s="18">
        <v>1.8518518518518516</v>
      </c>
      <c r="P197" s="18">
        <v>50</v>
      </c>
      <c r="Q197" s="18">
        <v>51.724137931034484</v>
      </c>
      <c r="R197" s="18">
        <v>40.54054054054054</v>
      </c>
      <c r="S197" s="18">
        <v>41.666666666666671</v>
      </c>
      <c r="T197" s="73">
        <v>17.777777777777779</v>
      </c>
      <c r="U197" s="73">
        <v>26.114649681528661</v>
      </c>
      <c r="V197" s="73">
        <v>3.7037037037037033</v>
      </c>
      <c r="W197" s="25">
        <v>38.297872340425535</v>
      </c>
    </row>
    <row r="198" spans="1:23" s="2" customFormat="1" ht="33.75" customHeight="1" x14ac:dyDescent="0.15">
      <c r="A198" s="39" t="s">
        <v>191</v>
      </c>
      <c r="B198" s="40"/>
      <c r="C198" s="103">
        <v>14.663951120162933</v>
      </c>
      <c r="D198" s="72">
        <v>14.208633093525179</v>
      </c>
      <c r="E198" s="18">
        <v>17.377049180327869</v>
      </c>
      <c r="F198" s="18">
        <v>12.121212121212121</v>
      </c>
      <c r="G198" s="25">
        <v>0</v>
      </c>
      <c r="H198" s="72">
        <v>10</v>
      </c>
      <c r="I198" s="18">
        <v>29.411764705882355</v>
      </c>
      <c r="J198" s="18">
        <v>14.40677966101695</v>
      </c>
      <c r="K198" s="18">
        <v>11.111111111111111</v>
      </c>
      <c r="L198" s="18">
        <v>17.543859649122805</v>
      </c>
      <c r="M198" s="18">
        <v>6.1728395061728394</v>
      </c>
      <c r="N198" s="18">
        <v>14.473684210526317</v>
      </c>
      <c r="O198" s="18">
        <v>3.7037037037037033</v>
      </c>
      <c r="P198" s="18">
        <v>0</v>
      </c>
      <c r="Q198" s="18">
        <v>20.689655172413794</v>
      </c>
      <c r="R198" s="18">
        <v>21.621621621621621</v>
      </c>
      <c r="S198" s="18">
        <v>8.3333333333333321</v>
      </c>
      <c r="T198" s="73">
        <v>8.8888888888888893</v>
      </c>
      <c r="U198" s="73">
        <v>11.464968152866243</v>
      </c>
      <c r="V198" s="73">
        <v>44.444444444444443</v>
      </c>
      <c r="W198" s="25">
        <v>10.638297872340425</v>
      </c>
    </row>
    <row r="199" spans="1:23" s="2" customFormat="1" ht="33.75" customHeight="1" thickBot="1" x14ac:dyDescent="0.2">
      <c r="A199" s="46" t="s">
        <v>137</v>
      </c>
      <c r="B199" s="47"/>
      <c r="C199" s="64">
        <v>16.90427698574338</v>
      </c>
      <c r="D199" s="77">
        <v>13.848920863309353</v>
      </c>
      <c r="E199" s="29">
        <v>19.672131147540984</v>
      </c>
      <c r="F199" s="29">
        <v>25.252525252525253</v>
      </c>
      <c r="G199" s="30">
        <v>18.181818181818183</v>
      </c>
      <c r="H199" s="77">
        <v>10</v>
      </c>
      <c r="I199" s="29">
        <v>23.52941176470588</v>
      </c>
      <c r="J199" s="29">
        <v>8.4745762711864394</v>
      </c>
      <c r="K199" s="29">
        <v>5.5555555555555554</v>
      </c>
      <c r="L199" s="29">
        <v>10.526315789473683</v>
      </c>
      <c r="M199" s="29">
        <v>0</v>
      </c>
      <c r="N199" s="29">
        <v>11.842105263157894</v>
      </c>
      <c r="O199" s="29">
        <v>18.518518518518519</v>
      </c>
      <c r="P199" s="29">
        <v>4.1666666666666661</v>
      </c>
      <c r="Q199" s="29">
        <v>12.068965517241379</v>
      </c>
      <c r="R199" s="29">
        <v>8.1081081081081088</v>
      </c>
      <c r="S199" s="29">
        <v>4.1666666666666661</v>
      </c>
      <c r="T199" s="65">
        <v>22.222222222222221</v>
      </c>
      <c r="U199" s="65">
        <v>44.585987261146499</v>
      </c>
      <c r="V199" s="65">
        <v>3.7037037037037033</v>
      </c>
      <c r="W199" s="30">
        <v>12.76595744680851</v>
      </c>
    </row>
    <row r="200" spans="1:23" s="2" customFormat="1" x14ac:dyDescent="0.15">
      <c r="A200" s="1"/>
      <c r="B200" s="1"/>
      <c r="C200" s="1"/>
      <c r="D200" s="1"/>
      <c r="E200" s="1"/>
      <c r="F200" s="1"/>
      <c r="G200" s="1"/>
      <c r="H200" s="1"/>
      <c r="I200" s="1"/>
      <c r="J200" s="1"/>
      <c r="K200" s="1"/>
      <c r="L200" s="1"/>
      <c r="M200" s="1"/>
      <c r="N200" s="1"/>
      <c r="O200" s="1"/>
      <c r="P200" s="1"/>
      <c r="Q200" s="1"/>
      <c r="R200" s="1"/>
      <c r="S200" s="1"/>
      <c r="T200" s="1"/>
      <c r="U200" s="1"/>
      <c r="V200" s="1"/>
      <c r="W200" s="1"/>
    </row>
    <row r="201" spans="1:23" s="2" customFormat="1" x14ac:dyDescent="0.15">
      <c r="A201" s="1"/>
      <c r="B201" s="1"/>
      <c r="C201" s="1"/>
      <c r="D201" s="1"/>
      <c r="E201" s="1"/>
      <c r="F201" s="1"/>
      <c r="G201" s="1"/>
      <c r="H201" s="1"/>
      <c r="I201" s="1"/>
      <c r="J201" s="1"/>
      <c r="K201" s="1"/>
      <c r="L201" s="1"/>
      <c r="M201" s="1"/>
      <c r="N201" s="1"/>
      <c r="O201" s="1"/>
      <c r="P201" s="1"/>
      <c r="Q201" s="1"/>
      <c r="R201" s="1"/>
      <c r="S201" s="1"/>
      <c r="T201" s="1"/>
      <c r="U201" s="1"/>
      <c r="V201" s="1"/>
      <c r="W201" s="1"/>
    </row>
    <row r="202" spans="1:23" s="2" customFormat="1" x14ac:dyDescent="0.15">
      <c r="A202" s="2" t="s">
        <v>192</v>
      </c>
      <c r="F202" s="2" t="s">
        <v>439</v>
      </c>
    </row>
    <row r="203" spans="1:23" s="2" customFormat="1" ht="14.25" thickBot="1" x14ac:dyDescent="0.2">
      <c r="V203" s="1"/>
      <c r="W203" s="1" t="s">
        <v>75</v>
      </c>
    </row>
    <row r="204" spans="1:23" s="2" customFormat="1" x14ac:dyDescent="0.15">
      <c r="A204" s="4"/>
      <c r="B204" s="5" t="s">
        <v>76</v>
      </c>
      <c r="C204" s="67"/>
      <c r="D204" s="37" t="s">
        <v>15</v>
      </c>
      <c r="E204" s="38"/>
      <c r="F204" s="38"/>
      <c r="G204" s="48"/>
      <c r="H204" s="37" t="s">
        <v>20</v>
      </c>
      <c r="I204" s="38"/>
      <c r="J204" s="38"/>
      <c r="K204" s="38"/>
      <c r="L204" s="38"/>
      <c r="M204" s="38"/>
      <c r="N204" s="38"/>
      <c r="O204" s="38"/>
      <c r="P204" s="38"/>
      <c r="Q204" s="38"/>
      <c r="R204" s="38"/>
      <c r="S204" s="38"/>
      <c r="T204" s="38"/>
      <c r="U204" s="38"/>
      <c r="V204" s="38"/>
      <c r="W204" s="48"/>
    </row>
    <row r="205" spans="1:23" s="2" customFormat="1" ht="54.75" thickBot="1" x14ac:dyDescent="0.2">
      <c r="A205" s="13" t="s">
        <v>87</v>
      </c>
      <c r="C205" s="68" t="s">
        <v>19</v>
      </c>
      <c r="D205" s="50" t="s">
        <v>16</v>
      </c>
      <c r="E205" s="51" t="s">
        <v>151</v>
      </c>
      <c r="F205" s="51" t="s">
        <v>193</v>
      </c>
      <c r="G205" s="52" t="s">
        <v>1</v>
      </c>
      <c r="H205" s="53" t="s">
        <v>2</v>
      </c>
      <c r="I205" s="11" t="s">
        <v>89</v>
      </c>
      <c r="J205" s="11" t="s">
        <v>142</v>
      </c>
      <c r="K205" s="54" t="s">
        <v>91</v>
      </c>
      <c r="L205" s="55" t="s">
        <v>4</v>
      </c>
      <c r="M205" s="56" t="s">
        <v>5</v>
      </c>
      <c r="N205" s="55" t="s">
        <v>82</v>
      </c>
      <c r="O205" s="55" t="s">
        <v>6</v>
      </c>
      <c r="P205" s="56" t="s">
        <v>7</v>
      </c>
      <c r="Q205" s="57" t="s">
        <v>8</v>
      </c>
      <c r="R205" s="56" t="s">
        <v>9</v>
      </c>
      <c r="S205" s="55" t="s">
        <v>10</v>
      </c>
      <c r="T205" s="55" t="s">
        <v>11</v>
      </c>
      <c r="U205" s="55" t="s">
        <v>12</v>
      </c>
      <c r="V205" s="58" t="s">
        <v>83</v>
      </c>
      <c r="W205" s="59" t="s">
        <v>13</v>
      </c>
    </row>
    <row r="206" spans="1:23" s="2" customFormat="1" ht="33.75" customHeight="1" x14ac:dyDescent="0.15">
      <c r="A206" s="301" t="s">
        <v>194</v>
      </c>
      <c r="B206" s="109"/>
      <c r="C206" s="60">
        <v>76.843910806174947</v>
      </c>
      <c r="D206" s="70">
        <v>77.69886363636364</v>
      </c>
      <c r="E206" s="63">
        <v>80.530973451327441</v>
      </c>
      <c r="F206" s="63">
        <v>68.75</v>
      </c>
      <c r="G206" s="15">
        <v>37.037037037037038</v>
      </c>
      <c r="H206" s="70">
        <v>81.818181818181827</v>
      </c>
      <c r="I206" s="63">
        <v>89.65517241379311</v>
      </c>
      <c r="J206" s="63">
        <v>78.16901408450704</v>
      </c>
      <c r="K206" s="63">
        <v>26.315789473684209</v>
      </c>
      <c r="L206" s="63">
        <v>71.232876712328761</v>
      </c>
      <c r="M206" s="63">
        <v>83.495145631067956</v>
      </c>
      <c r="N206" s="63">
        <v>69.767441860465112</v>
      </c>
      <c r="O206" s="63">
        <v>23.333333333333332</v>
      </c>
      <c r="P206" s="63">
        <v>85.18518518518519</v>
      </c>
      <c r="Q206" s="63">
        <v>80.882352941176478</v>
      </c>
      <c r="R206" s="63">
        <v>89.65517241379311</v>
      </c>
      <c r="S206" s="63">
        <v>79.411764705882348</v>
      </c>
      <c r="T206" s="61">
        <v>36.585365853658537</v>
      </c>
      <c r="U206" s="61">
        <v>85.057471264367805</v>
      </c>
      <c r="V206" s="61">
        <v>74.074074074074076</v>
      </c>
      <c r="W206" s="15">
        <v>90.551181102362193</v>
      </c>
    </row>
    <row r="207" spans="1:23" s="2" customFormat="1" ht="33.75" customHeight="1" x14ac:dyDescent="0.15">
      <c r="A207" s="302" t="s">
        <v>195</v>
      </c>
      <c r="B207" s="110"/>
      <c r="C207" s="103">
        <v>18.353344768439108</v>
      </c>
      <c r="D207" s="72">
        <v>17.045454545454543</v>
      </c>
      <c r="E207" s="18">
        <v>15.044247787610621</v>
      </c>
      <c r="F207" s="18">
        <v>30.208333333333332</v>
      </c>
      <c r="G207" s="25">
        <v>51.851851851851848</v>
      </c>
      <c r="H207" s="72">
        <v>18.181818181818183</v>
      </c>
      <c r="I207" s="18">
        <v>7.7586206896551726</v>
      </c>
      <c r="J207" s="18">
        <v>21.830985915492956</v>
      </c>
      <c r="K207" s="18">
        <v>73.68421052631578</v>
      </c>
      <c r="L207" s="18">
        <v>27.397260273972602</v>
      </c>
      <c r="M207" s="18">
        <v>15.53398058252427</v>
      </c>
      <c r="N207" s="18">
        <v>30.232558139534881</v>
      </c>
      <c r="O207" s="18">
        <v>75</v>
      </c>
      <c r="P207" s="18">
        <v>14.814814814814813</v>
      </c>
      <c r="Q207" s="18">
        <v>13.23529411764706</v>
      </c>
      <c r="R207" s="18">
        <v>6.8965517241379306</v>
      </c>
      <c r="S207" s="18">
        <v>17.647058823529413</v>
      </c>
      <c r="T207" s="73">
        <v>4.8780487804878048</v>
      </c>
      <c r="U207" s="73">
        <v>7.4712643678160928</v>
      </c>
      <c r="V207" s="73">
        <v>3.7037037037037033</v>
      </c>
      <c r="W207" s="25">
        <v>9.4488188976377945</v>
      </c>
    </row>
    <row r="208" spans="1:23" s="2" customFormat="1" ht="33.75" customHeight="1" x14ac:dyDescent="0.15">
      <c r="A208" s="302" t="s">
        <v>196</v>
      </c>
      <c r="B208" s="110"/>
      <c r="C208" s="103">
        <v>3.0874785591766725</v>
      </c>
      <c r="D208" s="72">
        <v>2.6988636363636362</v>
      </c>
      <c r="E208" s="18">
        <v>3.8348082595870205</v>
      </c>
      <c r="F208" s="18">
        <v>1.0416666666666665</v>
      </c>
      <c r="G208" s="25">
        <v>11.111111111111111</v>
      </c>
      <c r="H208" s="72">
        <v>0</v>
      </c>
      <c r="I208" s="18">
        <v>0</v>
      </c>
      <c r="J208" s="18">
        <v>0</v>
      </c>
      <c r="K208" s="18">
        <v>0</v>
      </c>
      <c r="L208" s="18">
        <v>1.3698630136986301</v>
      </c>
      <c r="M208" s="18">
        <v>0</v>
      </c>
      <c r="N208" s="18">
        <v>0</v>
      </c>
      <c r="O208" s="18">
        <v>1.6666666666666667</v>
      </c>
      <c r="P208" s="18">
        <v>0</v>
      </c>
      <c r="Q208" s="18">
        <v>2.9411764705882351</v>
      </c>
      <c r="R208" s="18">
        <v>0</v>
      </c>
      <c r="S208" s="18">
        <v>0</v>
      </c>
      <c r="T208" s="73">
        <v>56.09756097560976</v>
      </c>
      <c r="U208" s="73">
        <v>1.7241379310344827</v>
      </c>
      <c r="V208" s="73">
        <v>22.222222222222221</v>
      </c>
      <c r="W208" s="25">
        <v>0</v>
      </c>
    </row>
    <row r="209" spans="1:23" s="2" customFormat="1" ht="33.75" customHeight="1" x14ac:dyDescent="0.15">
      <c r="A209" s="302" t="s">
        <v>197</v>
      </c>
      <c r="B209" s="110"/>
      <c r="C209" s="103">
        <v>1.3722126929674099</v>
      </c>
      <c r="D209" s="72">
        <v>1.9886363636363635</v>
      </c>
      <c r="E209" s="18">
        <v>0.58997050147492625</v>
      </c>
      <c r="F209" s="18">
        <v>0</v>
      </c>
      <c r="G209" s="25">
        <v>0</v>
      </c>
      <c r="H209" s="72">
        <v>0</v>
      </c>
      <c r="I209" s="18">
        <v>2.5862068965517242</v>
      </c>
      <c r="J209" s="18">
        <v>0</v>
      </c>
      <c r="K209" s="18">
        <v>0</v>
      </c>
      <c r="L209" s="18">
        <v>0</v>
      </c>
      <c r="M209" s="18">
        <v>0.97087378640776689</v>
      </c>
      <c r="N209" s="18">
        <v>0</v>
      </c>
      <c r="O209" s="18">
        <v>0</v>
      </c>
      <c r="P209" s="18">
        <v>0</v>
      </c>
      <c r="Q209" s="18">
        <v>2.9411764705882351</v>
      </c>
      <c r="R209" s="18">
        <v>0</v>
      </c>
      <c r="S209" s="18">
        <v>0</v>
      </c>
      <c r="T209" s="73">
        <v>2.4390243902439024</v>
      </c>
      <c r="U209" s="73">
        <v>5.1724137931034484</v>
      </c>
      <c r="V209" s="73">
        <v>0</v>
      </c>
      <c r="W209" s="25">
        <v>0</v>
      </c>
    </row>
    <row r="210" spans="1:23" s="2" customFormat="1" ht="33.75" customHeight="1" thickBot="1" x14ac:dyDescent="0.2">
      <c r="A210" s="303" t="s">
        <v>198</v>
      </c>
      <c r="B210" s="111"/>
      <c r="C210" s="64">
        <v>0.34305317324185247</v>
      </c>
      <c r="D210" s="77">
        <v>0.56818181818181823</v>
      </c>
      <c r="E210" s="29">
        <v>0</v>
      </c>
      <c r="F210" s="29">
        <v>0</v>
      </c>
      <c r="G210" s="30">
        <v>0</v>
      </c>
      <c r="H210" s="77">
        <v>0</v>
      </c>
      <c r="I210" s="29">
        <v>0</v>
      </c>
      <c r="J210" s="29">
        <v>0</v>
      </c>
      <c r="K210" s="29">
        <v>0</v>
      </c>
      <c r="L210" s="29">
        <v>0</v>
      </c>
      <c r="M210" s="29">
        <v>0</v>
      </c>
      <c r="N210" s="29">
        <v>0</v>
      </c>
      <c r="O210" s="29">
        <v>0</v>
      </c>
      <c r="P210" s="29">
        <v>0</v>
      </c>
      <c r="Q210" s="29">
        <v>0</v>
      </c>
      <c r="R210" s="29">
        <v>3.4482758620689653</v>
      </c>
      <c r="S210" s="29">
        <v>2.9411764705882351</v>
      </c>
      <c r="T210" s="65">
        <v>0</v>
      </c>
      <c r="U210" s="65">
        <v>0.57471264367816088</v>
      </c>
      <c r="V210" s="65">
        <v>0</v>
      </c>
      <c r="W210" s="30">
        <v>0</v>
      </c>
    </row>
    <row r="211" spans="1:23" s="2" customFormat="1" x14ac:dyDescent="0.15"/>
    <row r="212" spans="1:23" s="2" customFormat="1" x14ac:dyDescent="0.15"/>
    <row r="213" spans="1:23" s="2" customFormat="1" x14ac:dyDescent="0.15">
      <c r="A213" s="2" t="s">
        <v>199</v>
      </c>
      <c r="F213" s="2" t="s">
        <v>438</v>
      </c>
    </row>
    <row r="214" spans="1:23" s="2" customFormat="1" ht="14.25" thickBot="1" x14ac:dyDescent="0.2">
      <c r="V214" s="1"/>
      <c r="W214" s="1" t="s">
        <v>75</v>
      </c>
    </row>
    <row r="215" spans="1:23" s="2" customFormat="1" x14ac:dyDescent="0.15">
      <c r="A215" s="4"/>
      <c r="B215" s="5" t="s">
        <v>76</v>
      </c>
      <c r="C215" s="67"/>
      <c r="D215" s="37" t="s">
        <v>15</v>
      </c>
      <c r="E215" s="38"/>
      <c r="F215" s="38"/>
      <c r="G215" s="48"/>
      <c r="H215" s="37" t="s">
        <v>20</v>
      </c>
      <c r="I215" s="38"/>
      <c r="J215" s="38"/>
      <c r="K215" s="38"/>
      <c r="L215" s="38"/>
      <c r="M215" s="38"/>
      <c r="N215" s="38"/>
      <c r="O215" s="38"/>
      <c r="P215" s="38"/>
      <c r="Q215" s="38"/>
      <c r="R215" s="38"/>
      <c r="S215" s="38"/>
      <c r="T215" s="38"/>
      <c r="U215" s="38"/>
      <c r="V215" s="38"/>
      <c r="W215" s="48"/>
    </row>
    <row r="216" spans="1:23" s="2" customFormat="1" ht="54.75" thickBot="1" x14ac:dyDescent="0.2">
      <c r="A216" s="13" t="s">
        <v>87</v>
      </c>
      <c r="C216" s="68" t="s">
        <v>19</v>
      </c>
      <c r="D216" s="50" t="s">
        <v>61</v>
      </c>
      <c r="E216" s="51" t="s">
        <v>151</v>
      </c>
      <c r="F216" s="51" t="s">
        <v>109</v>
      </c>
      <c r="G216" s="52" t="s">
        <v>1</v>
      </c>
      <c r="H216" s="53" t="s">
        <v>2</v>
      </c>
      <c r="I216" s="11" t="s">
        <v>89</v>
      </c>
      <c r="J216" s="11" t="s">
        <v>129</v>
      </c>
      <c r="K216" s="54" t="s">
        <v>91</v>
      </c>
      <c r="L216" s="55" t="s">
        <v>4</v>
      </c>
      <c r="M216" s="56" t="s">
        <v>5</v>
      </c>
      <c r="N216" s="55" t="s">
        <v>82</v>
      </c>
      <c r="O216" s="55" t="s">
        <v>6</v>
      </c>
      <c r="P216" s="56" t="s">
        <v>7</v>
      </c>
      <c r="Q216" s="57" t="s">
        <v>8</v>
      </c>
      <c r="R216" s="56" t="s">
        <v>9</v>
      </c>
      <c r="S216" s="55" t="s">
        <v>10</v>
      </c>
      <c r="T216" s="55" t="s">
        <v>11</v>
      </c>
      <c r="U216" s="55" t="s">
        <v>12</v>
      </c>
      <c r="V216" s="58" t="s">
        <v>83</v>
      </c>
      <c r="W216" s="59" t="s">
        <v>13</v>
      </c>
    </row>
    <row r="217" spans="1:23" s="2" customFormat="1" ht="33.75" customHeight="1" x14ac:dyDescent="0.15">
      <c r="A217" s="4" t="s">
        <v>175</v>
      </c>
      <c r="B217" s="33"/>
      <c r="C217" s="112">
        <v>27.335640138408309</v>
      </c>
      <c r="D217" s="70">
        <v>28.425655976676385</v>
      </c>
      <c r="E217" s="63">
        <v>25.806451612903224</v>
      </c>
      <c r="F217" s="63">
        <v>24.509803921568626</v>
      </c>
      <c r="G217" s="15">
        <v>29.629629629629626</v>
      </c>
      <c r="H217" s="70">
        <v>11.111111111111111</v>
      </c>
      <c r="I217" s="63">
        <v>11.711711711711711</v>
      </c>
      <c r="J217" s="63">
        <v>6.3829787234042552</v>
      </c>
      <c r="K217" s="63">
        <v>78.94736842105263</v>
      </c>
      <c r="L217" s="63">
        <v>25.352112676056336</v>
      </c>
      <c r="M217" s="63">
        <v>15.306122448979592</v>
      </c>
      <c r="N217" s="63">
        <v>17.857142857142858</v>
      </c>
      <c r="O217" s="63">
        <v>88.52459016393442</v>
      </c>
      <c r="P217" s="63">
        <v>16</v>
      </c>
      <c r="Q217" s="63">
        <v>18.571428571428573</v>
      </c>
      <c r="R217" s="63">
        <v>18.64406779661017</v>
      </c>
      <c r="S217" s="63">
        <v>18.181818181818183</v>
      </c>
      <c r="T217" s="61">
        <v>56.000000000000007</v>
      </c>
      <c r="U217" s="61">
        <v>36.781609195402297</v>
      </c>
      <c r="V217" s="61">
        <v>68.965517241379317</v>
      </c>
      <c r="W217" s="15">
        <v>24.590163934426229</v>
      </c>
    </row>
    <row r="218" spans="1:23" ht="33.75" customHeight="1" x14ac:dyDescent="0.15">
      <c r="A218" s="13"/>
      <c r="B218" s="87" t="s">
        <v>200</v>
      </c>
      <c r="C218" s="113">
        <v>19.80968858131488</v>
      </c>
      <c r="D218" s="72">
        <v>19.241982507288629</v>
      </c>
      <c r="E218" s="18">
        <v>19.35483870967742</v>
      </c>
      <c r="F218" s="18">
        <v>22.549019607843139</v>
      </c>
      <c r="G218" s="25">
        <v>29.629629629629626</v>
      </c>
      <c r="H218" s="72">
        <v>0</v>
      </c>
      <c r="I218" s="18">
        <v>5.4054054054054053</v>
      </c>
      <c r="J218" s="18">
        <v>3.5460992907801421</v>
      </c>
      <c r="K218" s="18">
        <v>73.68421052631578</v>
      </c>
      <c r="L218" s="18">
        <v>21.12676056338028</v>
      </c>
      <c r="M218" s="18">
        <v>4.0816326530612246</v>
      </c>
      <c r="N218" s="18">
        <v>5.9523809523809517</v>
      </c>
      <c r="O218" s="18">
        <v>77.049180327868854</v>
      </c>
      <c r="P218" s="18">
        <v>4</v>
      </c>
      <c r="Q218" s="18">
        <v>12.857142857142856</v>
      </c>
      <c r="R218" s="18">
        <v>1.6949152542372881</v>
      </c>
      <c r="S218" s="18">
        <v>18.181818181818183</v>
      </c>
      <c r="T218" s="73">
        <v>50</v>
      </c>
      <c r="U218" s="73">
        <v>30.459770114942529</v>
      </c>
      <c r="V218" s="73">
        <v>44.827586206896555</v>
      </c>
      <c r="W218" s="25">
        <v>20.491803278688526</v>
      </c>
    </row>
    <row r="219" spans="1:23" ht="33.75" customHeight="1" x14ac:dyDescent="0.15">
      <c r="A219" s="13"/>
      <c r="B219" s="87" t="s">
        <v>201</v>
      </c>
      <c r="C219" s="113">
        <v>4.757785467128028</v>
      </c>
      <c r="D219" s="72">
        <v>5.5393586005830908</v>
      </c>
      <c r="E219" s="18">
        <v>4.3988269794721413</v>
      </c>
      <c r="F219" s="18">
        <v>1.9607843137254901</v>
      </c>
      <c r="G219" s="25">
        <v>0</v>
      </c>
      <c r="H219" s="72">
        <v>11.111111111111111</v>
      </c>
      <c r="I219" s="18">
        <v>1.8018018018018018</v>
      </c>
      <c r="J219" s="18">
        <v>0.70921985815602839</v>
      </c>
      <c r="K219" s="18">
        <v>0</v>
      </c>
      <c r="L219" s="18">
        <v>2.8169014084507045</v>
      </c>
      <c r="M219" s="18">
        <v>11.224489795918368</v>
      </c>
      <c r="N219" s="18">
        <v>7.1428571428571423</v>
      </c>
      <c r="O219" s="18">
        <v>8.1967213114754092</v>
      </c>
      <c r="P219" s="18">
        <v>12</v>
      </c>
      <c r="Q219" s="18">
        <v>4.2857142857142856</v>
      </c>
      <c r="R219" s="18">
        <v>10.16949152542373</v>
      </c>
      <c r="S219" s="18">
        <v>0</v>
      </c>
      <c r="T219" s="73">
        <v>4</v>
      </c>
      <c r="U219" s="73">
        <v>3.4482758620689653</v>
      </c>
      <c r="V219" s="73">
        <v>13.793103448275861</v>
      </c>
      <c r="W219" s="25">
        <v>2.459016393442623</v>
      </c>
    </row>
    <row r="220" spans="1:23" s="2" customFormat="1" ht="33.75" customHeight="1" x14ac:dyDescent="0.15">
      <c r="A220" s="13"/>
      <c r="B220" s="87" t="s">
        <v>202</v>
      </c>
      <c r="C220" s="113">
        <v>2.7681660899653981</v>
      </c>
      <c r="D220" s="72">
        <v>3.6443148688046647</v>
      </c>
      <c r="E220" s="18">
        <v>2.0527859237536656</v>
      </c>
      <c r="F220" s="18">
        <v>0</v>
      </c>
      <c r="G220" s="25">
        <v>0</v>
      </c>
      <c r="H220" s="72">
        <v>0</v>
      </c>
      <c r="I220" s="18">
        <v>4.5045045045045047</v>
      </c>
      <c r="J220" s="18">
        <v>2.1276595744680851</v>
      </c>
      <c r="K220" s="18">
        <v>5.2631578947368416</v>
      </c>
      <c r="L220" s="18">
        <v>1.4084507042253522</v>
      </c>
      <c r="M220" s="18">
        <v>0</v>
      </c>
      <c r="N220" s="18">
        <v>4.7619047619047619</v>
      </c>
      <c r="O220" s="18">
        <v>3.278688524590164</v>
      </c>
      <c r="P220" s="18">
        <v>0</v>
      </c>
      <c r="Q220" s="18">
        <v>1.4285714285714286</v>
      </c>
      <c r="R220" s="18">
        <v>6.7796610169491522</v>
      </c>
      <c r="S220" s="18">
        <v>0</v>
      </c>
      <c r="T220" s="73">
        <v>2</v>
      </c>
      <c r="U220" s="73">
        <v>2.8735632183908044</v>
      </c>
      <c r="V220" s="73">
        <v>10.344827586206897</v>
      </c>
      <c r="W220" s="25">
        <v>1.639344262295082</v>
      </c>
    </row>
    <row r="221" spans="1:23" s="2" customFormat="1" ht="33.75" customHeight="1" thickBot="1" x14ac:dyDescent="0.2">
      <c r="A221" s="46" t="s">
        <v>187</v>
      </c>
      <c r="B221" s="47"/>
      <c r="C221" s="114">
        <v>72.664359861591691</v>
      </c>
      <c r="D221" s="77">
        <v>71.574344023323604</v>
      </c>
      <c r="E221" s="29">
        <v>74.193548387096769</v>
      </c>
      <c r="F221" s="29">
        <v>75.490196078431367</v>
      </c>
      <c r="G221" s="30">
        <v>70.370370370370367</v>
      </c>
      <c r="H221" s="77">
        <v>88.888888888888886</v>
      </c>
      <c r="I221" s="29">
        <v>88.288288288288285</v>
      </c>
      <c r="J221" s="29">
        <v>93.61702127659575</v>
      </c>
      <c r="K221" s="29">
        <v>21.052631578947366</v>
      </c>
      <c r="L221" s="29">
        <v>74.647887323943664</v>
      </c>
      <c r="M221" s="29">
        <v>84.693877551020407</v>
      </c>
      <c r="N221" s="29">
        <v>82.142857142857139</v>
      </c>
      <c r="O221" s="29">
        <v>11.475409836065573</v>
      </c>
      <c r="P221" s="29">
        <v>84</v>
      </c>
      <c r="Q221" s="29">
        <v>81.428571428571431</v>
      </c>
      <c r="R221" s="29">
        <v>81.355932203389841</v>
      </c>
      <c r="S221" s="29">
        <v>81.818181818181827</v>
      </c>
      <c r="T221" s="65">
        <v>44</v>
      </c>
      <c r="U221" s="65">
        <v>63.218390804597703</v>
      </c>
      <c r="V221" s="65">
        <v>31.03448275862069</v>
      </c>
      <c r="W221" s="30">
        <v>75.409836065573771</v>
      </c>
    </row>
    <row r="222" spans="1:23" s="2" customFormat="1" x14ac:dyDescent="0.15"/>
    <row r="223" spans="1:23" s="2" customFormat="1" x14ac:dyDescent="0.15">
      <c r="A223" s="2" t="s">
        <v>203</v>
      </c>
      <c r="F223" s="2" t="s">
        <v>440</v>
      </c>
    </row>
    <row r="224" spans="1:23" s="2" customFormat="1" ht="14.25" thickBot="1" x14ac:dyDescent="0.2">
      <c r="V224" s="1"/>
      <c r="W224" s="1" t="s">
        <v>75</v>
      </c>
    </row>
    <row r="225" spans="1:23" s="2" customFormat="1" x14ac:dyDescent="0.15">
      <c r="A225" s="4"/>
      <c r="B225" s="5" t="s">
        <v>76</v>
      </c>
      <c r="C225" s="67"/>
      <c r="D225" s="37" t="s">
        <v>15</v>
      </c>
      <c r="E225" s="38"/>
      <c r="F225" s="38"/>
      <c r="G225" s="48"/>
      <c r="H225" s="37" t="s">
        <v>20</v>
      </c>
      <c r="I225" s="38"/>
      <c r="J225" s="38"/>
      <c r="K225" s="38"/>
      <c r="L225" s="38"/>
      <c r="M225" s="38"/>
      <c r="N225" s="38"/>
      <c r="O225" s="38"/>
      <c r="P225" s="38"/>
      <c r="Q225" s="38"/>
      <c r="R225" s="38"/>
      <c r="S225" s="38"/>
      <c r="T225" s="38"/>
      <c r="U225" s="38"/>
      <c r="V225" s="38"/>
      <c r="W225" s="48"/>
    </row>
    <row r="226" spans="1:23" s="2" customFormat="1" ht="54.75" thickBot="1" x14ac:dyDescent="0.2">
      <c r="A226" s="13" t="s">
        <v>87</v>
      </c>
      <c r="C226" s="68" t="s">
        <v>19</v>
      </c>
      <c r="D226" s="50" t="s">
        <v>204</v>
      </c>
      <c r="E226" s="51" t="s">
        <v>151</v>
      </c>
      <c r="F226" s="51" t="s">
        <v>109</v>
      </c>
      <c r="G226" s="52" t="s">
        <v>1</v>
      </c>
      <c r="H226" s="53" t="s">
        <v>2</v>
      </c>
      <c r="I226" s="11" t="s">
        <v>89</v>
      </c>
      <c r="J226" s="11" t="s">
        <v>129</v>
      </c>
      <c r="K226" s="54" t="s">
        <v>183</v>
      </c>
      <c r="L226" s="55" t="s">
        <v>4</v>
      </c>
      <c r="M226" s="56" t="s">
        <v>5</v>
      </c>
      <c r="N226" s="55" t="s">
        <v>82</v>
      </c>
      <c r="O226" s="55" t="s">
        <v>6</v>
      </c>
      <c r="P226" s="56" t="s">
        <v>7</v>
      </c>
      <c r="Q226" s="57" t="s">
        <v>8</v>
      </c>
      <c r="R226" s="56" t="s">
        <v>9</v>
      </c>
      <c r="S226" s="55" t="s">
        <v>10</v>
      </c>
      <c r="T226" s="55" t="s">
        <v>11</v>
      </c>
      <c r="U226" s="55" t="s">
        <v>12</v>
      </c>
      <c r="V226" s="58" t="s">
        <v>83</v>
      </c>
      <c r="W226" s="59" t="s">
        <v>13</v>
      </c>
    </row>
    <row r="227" spans="1:23" s="2" customFormat="1" ht="32.25" customHeight="1" x14ac:dyDescent="0.15">
      <c r="A227" s="4" t="s">
        <v>175</v>
      </c>
      <c r="B227" s="33"/>
      <c r="C227" s="112">
        <v>8.2545141874462598</v>
      </c>
      <c r="D227" s="70">
        <v>10.274963820549928</v>
      </c>
      <c r="E227" s="63">
        <v>5.5555555555555554</v>
      </c>
      <c r="F227" s="63">
        <v>2.912621359223301</v>
      </c>
      <c r="G227" s="15">
        <v>11.111111111111111</v>
      </c>
      <c r="H227" s="70">
        <v>11.111111111111111</v>
      </c>
      <c r="I227" s="63">
        <v>6.25</v>
      </c>
      <c r="J227" s="63">
        <v>4.2553191489361701</v>
      </c>
      <c r="K227" s="63">
        <v>10.526315789473683</v>
      </c>
      <c r="L227" s="63">
        <v>8.4507042253521121</v>
      </c>
      <c r="M227" s="63">
        <v>8</v>
      </c>
      <c r="N227" s="63">
        <v>13.095238095238097</v>
      </c>
      <c r="O227" s="63">
        <v>13.114754098360656</v>
      </c>
      <c r="P227" s="63">
        <v>11.538461538461538</v>
      </c>
      <c r="Q227" s="63">
        <v>7.1428571428571423</v>
      </c>
      <c r="R227" s="63">
        <v>10.16949152542373</v>
      </c>
      <c r="S227" s="63">
        <v>6.0606060606060606</v>
      </c>
      <c r="T227" s="61">
        <v>2</v>
      </c>
      <c r="U227" s="61">
        <v>5.7142857142857144</v>
      </c>
      <c r="V227" s="61">
        <v>23.333333333333332</v>
      </c>
      <c r="W227" s="15">
        <v>10.569105691056912</v>
      </c>
    </row>
    <row r="228" spans="1:23" ht="32.25" customHeight="1" x14ac:dyDescent="0.15">
      <c r="A228" s="13"/>
      <c r="B228" s="87" t="s">
        <v>200</v>
      </c>
      <c r="C228" s="113">
        <v>2.1496130696474633</v>
      </c>
      <c r="D228" s="72">
        <v>2.6049204052098407</v>
      </c>
      <c r="E228" s="18">
        <v>1.7543859649122806</v>
      </c>
      <c r="F228" s="18">
        <v>0.97087378640776689</v>
      </c>
      <c r="G228" s="25">
        <v>0</v>
      </c>
      <c r="H228" s="72">
        <v>0</v>
      </c>
      <c r="I228" s="18">
        <v>0</v>
      </c>
      <c r="J228" s="18">
        <v>1.4184397163120568</v>
      </c>
      <c r="K228" s="18">
        <v>5.2631578947368416</v>
      </c>
      <c r="L228" s="18">
        <v>2.8169014084507045</v>
      </c>
      <c r="M228" s="18">
        <v>1</v>
      </c>
      <c r="N228" s="18">
        <v>2.3809523809523809</v>
      </c>
      <c r="O228" s="18">
        <v>6.557377049180328</v>
      </c>
      <c r="P228" s="18">
        <v>3.8461538461538463</v>
      </c>
      <c r="Q228" s="18">
        <v>2.8571428571428572</v>
      </c>
      <c r="R228" s="18">
        <v>0</v>
      </c>
      <c r="S228" s="18">
        <v>3.0303030303030303</v>
      </c>
      <c r="T228" s="73">
        <v>0</v>
      </c>
      <c r="U228" s="73">
        <v>1.1428571428571428</v>
      </c>
      <c r="V228" s="73">
        <v>3.3333333333333335</v>
      </c>
      <c r="W228" s="25">
        <v>4.8780487804878048</v>
      </c>
    </row>
    <row r="229" spans="1:23" ht="32.25" customHeight="1" x14ac:dyDescent="0.15">
      <c r="A229" s="13"/>
      <c r="B229" s="87" t="s">
        <v>205</v>
      </c>
      <c r="C229" s="113">
        <v>2.0636285468615649</v>
      </c>
      <c r="D229" s="72">
        <v>2.4602026049204051</v>
      </c>
      <c r="E229" s="18">
        <v>2.0467836257309941</v>
      </c>
      <c r="F229" s="18">
        <v>0</v>
      </c>
      <c r="G229" s="25">
        <v>0</v>
      </c>
      <c r="H229" s="72">
        <v>11.111111111111111</v>
      </c>
      <c r="I229" s="18">
        <v>1.7857142857142856</v>
      </c>
      <c r="J229" s="18">
        <v>0</v>
      </c>
      <c r="K229" s="18">
        <v>0</v>
      </c>
      <c r="L229" s="18">
        <v>0</v>
      </c>
      <c r="M229" s="18">
        <v>5</v>
      </c>
      <c r="N229" s="18">
        <v>4.7619047619047619</v>
      </c>
      <c r="O229" s="18">
        <v>1.639344262295082</v>
      </c>
      <c r="P229" s="18">
        <v>7.6923076923076925</v>
      </c>
      <c r="Q229" s="18">
        <v>1.4285714285714286</v>
      </c>
      <c r="R229" s="18">
        <v>1.6949152542372881</v>
      </c>
      <c r="S229" s="18">
        <v>0</v>
      </c>
      <c r="T229" s="73">
        <v>0</v>
      </c>
      <c r="U229" s="73">
        <v>1.1428571428571428</v>
      </c>
      <c r="V229" s="73">
        <v>6.666666666666667</v>
      </c>
      <c r="W229" s="25">
        <v>2.4390243902439024</v>
      </c>
    </row>
    <row r="230" spans="1:23" s="2" customFormat="1" ht="32.25" customHeight="1" x14ac:dyDescent="0.15">
      <c r="A230" s="13"/>
      <c r="B230" s="87" t="s">
        <v>206</v>
      </c>
      <c r="C230" s="113">
        <v>4.041272570937231</v>
      </c>
      <c r="D230" s="72">
        <v>5.2098408104196814</v>
      </c>
      <c r="E230" s="18">
        <v>1.7543859649122806</v>
      </c>
      <c r="F230" s="18">
        <v>1.9417475728155338</v>
      </c>
      <c r="G230" s="25">
        <v>11.111111111111111</v>
      </c>
      <c r="H230" s="72">
        <v>0</v>
      </c>
      <c r="I230" s="18">
        <v>4.4642857142857144</v>
      </c>
      <c r="J230" s="18">
        <v>2.8368794326241136</v>
      </c>
      <c r="K230" s="18">
        <v>5.2631578947368416</v>
      </c>
      <c r="L230" s="18">
        <v>5.6338028169014089</v>
      </c>
      <c r="M230" s="18">
        <v>2</v>
      </c>
      <c r="N230" s="18">
        <v>5.9523809523809517</v>
      </c>
      <c r="O230" s="18">
        <v>4.918032786885246</v>
      </c>
      <c r="P230" s="18">
        <v>0</v>
      </c>
      <c r="Q230" s="18">
        <v>2.8571428571428572</v>
      </c>
      <c r="R230" s="18">
        <v>8.4745762711864394</v>
      </c>
      <c r="S230" s="18">
        <v>3.0303030303030303</v>
      </c>
      <c r="T230" s="73">
        <v>2</v>
      </c>
      <c r="U230" s="73">
        <v>3.4285714285714288</v>
      </c>
      <c r="V230" s="73">
        <v>13.333333333333334</v>
      </c>
      <c r="W230" s="25">
        <v>3.2520325203252036</v>
      </c>
    </row>
    <row r="231" spans="1:23" s="2" customFormat="1" ht="32.25" customHeight="1" thickBot="1" x14ac:dyDescent="0.2">
      <c r="A231" s="46" t="s">
        <v>187</v>
      </c>
      <c r="B231" s="47"/>
      <c r="C231" s="114">
        <v>91.745485812553738</v>
      </c>
      <c r="D231" s="77">
        <v>89.725036179450072</v>
      </c>
      <c r="E231" s="29">
        <v>94.444444444444443</v>
      </c>
      <c r="F231" s="29">
        <v>97.087378640776706</v>
      </c>
      <c r="G231" s="30">
        <v>88.888888888888886</v>
      </c>
      <c r="H231" s="77">
        <v>88.888888888888886</v>
      </c>
      <c r="I231" s="29">
        <v>93.75</v>
      </c>
      <c r="J231" s="29">
        <v>95.744680851063833</v>
      </c>
      <c r="K231" s="29">
        <v>89.473684210526315</v>
      </c>
      <c r="L231" s="29">
        <v>91.549295774647888</v>
      </c>
      <c r="M231" s="29">
        <v>92</v>
      </c>
      <c r="N231" s="29">
        <v>86.904761904761912</v>
      </c>
      <c r="O231" s="29">
        <v>86.885245901639337</v>
      </c>
      <c r="P231" s="29">
        <v>88.461538461538453</v>
      </c>
      <c r="Q231" s="29">
        <v>92.857142857142861</v>
      </c>
      <c r="R231" s="29">
        <v>89.830508474576277</v>
      </c>
      <c r="S231" s="29">
        <v>93.939393939393938</v>
      </c>
      <c r="T231" s="65">
        <v>98</v>
      </c>
      <c r="U231" s="65">
        <v>94.285714285714278</v>
      </c>
      <c r="V231" s="65">
        <v>76.666666666666671</v>
      </c>
      <c r="W231" s="30">
        <v>89.430894308943081</v>
      </c>
    </row>
    <row r="232" spans="1:23" s="2" customFormat="1" hidden="1" x14ac:dyDescent="0.15"/>
    <row r="233" spans="1:23" s="2" customFormat="1" hidden="1" x14ac:dyDescent="0.15"/>
    <row r="234" spans="1:23" s="2" customFormat="1" x14ac:dyDescent="0.15">
      <c r="A234" s="2" t="s">
        <v>207</v>
      </c>
      <c r="F234" s="2" t="s">
        <v>441</v>
      </c>
    </row>
    <row r="235" spans="1:23" s="2" customFormat="1" ht="14.25" thickBot="1" x14ac:dyDescent="0.2">
      <c r="V235" s="1"/>
      <c r="W235" s="1" t="s">
        <v>75</v>
      </c>
    </row>
    <row r="236" spans="1:23" s="2" customFormat="1" x14ac:dyDescent="0.15">
      <c r="A236" s="4"/>
      <c r="B236" s="5" t="s">
        <v>76</v>
      </c>
      <c r="C236" s="67"/>
      <c r="D236" s="37" t="s">
        <v>15</v>
      </c>
      <c r="E236" s="38"/>
      <c r="F236" s="38"/>
      <c r="G236" s="48"/>
      <c r="H236" s="37" t="s">
        <v>20</v>
      </c>
      <c r="I236" s="38"/>
      <c r="J236" s="38"/>
      <c r="K236" s="38"/>
      <c r="L236" s="38"/>
      <c r="M236" s="38"/>
      <c r="N236" s="38"/>
      <c r="O236" s="38"/>
      <c r="P236" s="38"/>
      <c r="Q236" s="38"/>
      <c r="R236" s="38"/>
      <c r="S236" s="38"/>
      <c r="T236" s="38"/>
      <c r="U236" s="38"/>
      <c r="V236" s="38"/>
      <c r="W236" s="48"/>
    </row>
    <row r="237" spans="1:23" s="2" customFormat="1" ht="54.75" thickBot="1" x14ac:dyDescent="0.2">
      <c r="A237" s="13" t="s">
        <v>87</v>
      </c>
      <c r="C237" s="68" t="s">
        <v>19</v>
      </c>
      <c r="D237" s="50" t="s">
        <v>174</v>
      </c>
      <c r="E237" s="51" t="s">
        <v>181</v>
      </c>
      <c r="F237" s="51" t="s">
        <v>109</v>
      </c>
      <c r="G237" s="52" t="s">
        <v>1</v>
      </c>
      <c r="H237" s="53" t="s">
        <v>2</v>
      </c>
      <c r="I237" s="11" t="s">
        <v>89</v>
      </c>
      <c r="J237" s="11" t="s">
        <v>129</v>
      </c>
      <c r="K237" s="54" t="s">
        <v>91</v>
      </c>
      <c r="L237" s="55" t="s">
        <v>4</v>
      </c>
      <c r="M237" s="56" t="s">
        <v>5</v>
      </c>
      <c r="N237" s="55" t="s">
        <v>82</v>
      </c>
      <c r="O237" s="55" t="s">
        <v>6</v>
      </c>
      <c r="P237" s="56" t="s">
        <v>7</v>
      </c>
      <c r="Q237" s="57" t="s">
        <v>8</v>
      </c>
      <c r="R237" s="56" t="s">
        <v>9</v>
      </c>
      <c r="S237" s="55" t="s">
        <v>10</v>
      </c>
      <c r="T237" s="55" t="s">
        <v>11</v>
      </c>
      <c r="U237" s="55" t="s">
        <v>12</v>
      </c>
      <c r="V237" s="58" t="s">
        <v>83</v>
      </c>
      <c r="W237" s="59" t="s">
        <v>13</v>
      </c>
    </row>
    <row r="238" spans="1:23" s="2" customFormat="1" ht="33.75" customHeight="1" x14ac:dyDescent="0.15">
      <c r="A238" s="115" t="s">
        <v>208</v>
      </c>
      <c r="B238" s="116"/>
      <c r="C238" s="60">
        <v>89.029535864978897</v>
      </c>
      <c r="D238" s="70">
        <v>82.981715893108301</v>
      </c>
      <c r="E238" s="63">
        <v>97.383720930232556</v>
      </c>
      <c r="F238" s="63">
        <v>100</v>
      </c>
      <c r="G238" s="15">
        <v>100</v>
      </c>
      <c r="H238" s="70">
        <v>80</v>
      </c>
      <c r="I238" s="63">
        <v>82.30088495575221</v>
      </c>
      <c r="J238" s="63">
        <v>88.732394366197184</v>
      </c>
      <c r="K238" s="63">
        <v>100</v>
      </c>
      <c r="L238" s="63">
        <v>94.594594594594597</v>
      </c>
      <c r="M238" s="63">
        <v>85.294117647058826</v>
      </c>
      <c r="N238" s="63">
        <v>90.909090909090907</v>
      </c>
      <c r="O238" s="63">
        <v>96.721311475409834</v>
      </c>
      <c r="P238" s="63">
        <v>85.18518518518519</v>
      </c>
      <c r="Q238" s="63">
        <v>70</v>
      </c>
      <c r="R238" s="63">
        <v>83.333333333333343</v>
      </c>
      <c r="S238" s="63">
        <v>88.235294117647058</v>
      </c>
      <c r="T238" s="61">
        <v>94.117647058823522</v>
      </c>
      <c r="U238" s="61">
        <v>94.915254237288138</v>
      </c>
      <c r="V238" s="61">
        <v>100</v>
      </c>
      <c r="W238" s="15">
        <v>90.551181102362193</v>
      </c>
    </row>
    <row r="239" spans="1:23" s="2" customFormat="1" ht="33.75" customHeight="1" thickBot="1" x14ac:dyDescent="0.2">
      <c r="A239" s="46" t="s">
        <v>209</v>
      </c>
      <c r="B239" s="47"/>
      <c r="C239" s="64">
        <v>10.970464135021098</v>
      </c>
      <c r="D239" s="77">
        <v>17.018284106891702</v>
      </c>
      <c r="E239" s="29">
        <v>2.6162790697674421</v>
      </c>
      <c r="F239" s="29">
        <v>0</v>
      </c>
      <c r="G239" s="30">
        <v>0</v>
      </c>
      <c r="H239" s="77">
        <v>20</v>
      </c>
      <c r="I239" s="29">
        <v>17.699115044247787</v>
      </c>
      <c r="J239" s="29">
        <v>11.267605633802818</v>
      </c>
      <c r="K239" s="29">
        <v>0</v>
      </c>
      <c r="L239" s="29">
        <v>5.4054054054054053</v>
      </c>
      <c r="M239" s="29">
        <v>14.705882352941178</v>
      </c>
      <c r="N239" s="29">
        <v>9.0909090909090917</v>
      </c>
      <c r="O239" s="29">
        <v>3.278688524590164</v>
      </c>
      <c r="P239" s="29">
        <v>14.814814814814813</v>
      </c>
      <c r="Q239" s="29">
        <v>30</v>
      </c>
      <c r="R239" s="29">
        <v>16.666666666666664</v>
      </c>
      <c r="S239" s="29">
        <v>11.76470588235294</v>
      </c>
      <c r="T239" s="65">
        <v>5.8823529411764701</v>
      </c>
      <c r="U239" s="65">
        <v>5.0847457627118651</v>
      </c>
      <c r="V239" s="65">
        <v>0</v>
      </c>
      <c r="W239" s="30">
        <v>9.4488188976377945</v>
      </c>
    </row>
    <row r="240" spans="1:23" s="2" customFormat="1" x14ac:dyDescent="0.15"/>
    <row r="241" spans="1:23" s="2" customFormat="1" x14ac:dyDescent="0.15">
      <c r="A241" s="2" t="s">
        <v>210</v>
      </c>
      <c r="F241" s="2" t="s">
        <v>425</v>
      </c>
    </row>
    <row r="242" spans="1:23" s="2" customFormat="1" ht="14.25" thickBot="1" x14ac:dyDescent="0.2">
      <c r="V242" s="1"/>
      <c r="W242" s="1" t="s">
        <v>75</v>
      </c>
    </row>
    <row r="243" spans="1:23" s="2" customFormat="1" x14ac:dyDescent="0.15">
      <c r="A243" s="4"/>
      <c r="B243" s="5" t="s">
        <v>76</v>
      </c>
      <c r="C243" s="67"/>
      <c r="D243" s="37" t="s">
        <v>15</v>
      </c>
      <c r="E243" s="38"/>
      <c r="F243" s="38"/>
      <c r="G243" s="48"/>
      <c r="H243" s="37" t="s">
        <v>20</v>
      </c>
      <c r="I243" s="38"/>
      <c r="J243" s="38"/>
      <c r="K243" s="38"/>
      <c r="L243" s="38"/>
      <c r="M243" s="38"/>
      <c r="N243" s="38"/>
      <c r="O243" s="38"/>
      <c r="P243" s="38"/>
      <c r="Q243" s="38"/>
      <c r="R243" s="38"/>
      <c r="S243" s="38"/>
      <c r="T243" s="38"/>
      <c r="U243" s="38"/>
      <c r="V243" s="38"/>
      <c r="W243" s="48"/>
    </row>
    <row r="244" spans="1:23" s="2" customFormat="1" ht="54.75" thickBot="1" x14ac:dyDescent="0.2">
      <c r="A244" s="13" t="s">
        <v>87</v>
      </c>
      <c r="C244" s="68" t="s">
        <v>19</v>
      </c>
      <c r="D244" s="50" t="s">
        <v>211</v>
      </c>
      <c r="E244" s="51" t="s">
        <v>151</v>
      </c>
      <c r="F244" s="51" t="s">
        <v>109</v>
      </c>
      <c r="G244" s="52" t="s">
        <v>1</v>
      </c>
      <c r="H244" s="53" t="s">
        <v>2</v>
      </c>
      <c r="I244" s="11" t="s">
        <v>89</v>
      </c>
      <c r="J244" s="11" t="s">
        <v>129</v>
      </c>
      <c r="K244" s="54" t="s">
        <v>183</v>
      </c>
      <c r="L244" s="55" t="s">
        <v>4</v>
      </c>
      <c r="M244" s="56" t="s">
        <v>5</v>
      </c>
      <c r="N244" s="55" t="s">
        <v>82</v>
      </c>
      <c r="O244" s="55" t="s">
        <v>6</v>
      </c>
      <c r="P244" s="56" t="s">
        <v>7</v>
      </c>
      <c r="Q244" s="57" t="s">
        <v>8</v>
      </c>
      <c r="R244" s="56" t="s">
        <v>9</v>
      </c>
      <c r="S244" s="55" t="s">
        <v>10</v>
      </c>
      <c r="T244" s="55" t="s">
        <v>11</v>
      </c>
      <c r="U244" s="55" t="s">
        <v>12</v>
      </c>
      <c r="V244" s="58" t="s">
        <v>83</v>
      </c>
      <c r="W244" s="59" t="s">
        <v>13</v>
      </c>
    </row>
    <row r="245" spans="1:23" s="2" customFormat="1" ht="33.75" customHeight="1" x14ac:dyDescent="0.15">
      <c r="A245" s="115" t="s">
        <v>212</v>
      </c>
      <c r="B245" s="116"/>
      <c r="C245" s="70">
        <v>51.91163976210705</v>
      </c>
      <c r="D245" s="70">
        <v>36.849507735583686</v>
      </c>
      <c r="E245" s="63">
        <v>69.501466275659823</v>
      </c>
      <c r="F245" s="63">
        <v>87.755102040816325</v>
      </c>
      <c r="G245" s="63">
        <v>96.296296296296291</v>
      </c>
      <c r="H245" s="70">
        <v>27.27272727272727</v>
      </c>
      <c r="I245" s="63">
        <v>49.122807017543856</v>
      </c>
      <c r="J245" s="63">
        <v>51.748251748251747</v>
      </c>
      <c r="K245" s="63">
        <v>93.333333333333329</v>
      </c>
      <c r="L245" s="63">
        <v>45.945945945945951</v>
      </c>
      <c r="M245" s="63">
        <v>35.238095238095241</v>
      </c>
      <c r="N245" s="63">
        <v>46.590909090909086</v>
      </c>
      <c r="O245" s="63">
        <v>50.819672131147541</v>
      </c>
      <c r="P245" s="63">
        <v>22.222222222222221</v>
      </c>
      <c r="Q245" s="63">
        <v>55.714285714285715</v>
      </c>
      <c r="R245" s="63">
        <v>35</v>
      </c>
      <c r="S245" s="63">
        <v>50</v>
      </c>
      <c r="T245" s="61">
        <v>66.666666666666657</v>
      </c>
      <c r="U245" s="61">
        <v>72.41379310344827</v>
      </c>
      <c r="V245" s="61">
        <v>68.965517241379317</v>
      </c>
      <c r="W245" s="15">
        <v>48.818897637795274</v>
      </c>
    </row>
    <row r="246" spans="1:23" s="2" customFormat="1" ht="33.75" customHeight="1" x14ac:dyDescent="0.15">
      <c r="A246" s="117" t="s">
        <v>213</v>
      </c>
      <c r="B246" s="87"/>
      <c r="C246" s="72">
        <v>61.247947454844009</v>
      </c>
      <c r="D246" s="72">
        <v>51.526717557251914</v>
      </c>
      <c r="E246" s="18">
        <v>60.593220338983059</v>
      </c>
      <c r="F246" s="18">
        <v>83.529411764705884</v>
      </c>
      <c r="G246" s="18">
        <v>92.307692307692307</v>
      </c>
      <c r="H246" s="72">
        <v>0</v>
      </c>
      <c r="I246" s="18">
        <v>30.357142857142854</v>
      </c>
      <c r="J246" s="18">
        <v>68.918918918918919</v>
      </c>
      <c r="K246" s="18">
        <v>35.714285714285715</v>
      </c>
      <c r="L246" s="18">
        <v>52.941176470588239</v>
      </c>
      <c r="M246" s="18">
        <v>27.027027027027028</v>
      </c>
      <c r="N246" s="18">
        <v>58.536585365853654</v>
      </c>
      <c r="O246" s="18">
        <v>64.516129032258064</v>
      </c>
      <c r="P246" s="18">
        <v>100</v>
      </c>
      <c r="Q246" s="18">
        <v>51.282051282051277</v>
      </c>
      <c r="R246" s="18">
        <v>66.666666666666657</v>
      </c>
      <c r="S246" s="18">
        <v>64.705882352941174</v>
      </c>
      <c r="T246" s="73">
        <v>65.517241379310349</v>
      </c>
      <c r="U246" s="73">
        <v>88.888888888888886</v>
      </c>
      <c r="V246" s="73">
        <v>95</v>
      </c>
      <c r="W246" s="25">
        <v>44.26229508196721</v>
      </c>
    </row>
    <row r="247" spans="1:23" s="2" customFormat="1" ht="33.75" customHeight="1" x14ac:dyDescent="0.15">
      <c r="A247" s="93"/>
      <c r="B247" s="87" t="s">
        <v>214</v>
      </c>
      <c r="C247" s="72">
        <v>37.005649717514125</v>
      </c>
      <c r="D247" s="72">
        <v>34.108527131782942</v>
      </c>
      <c r="E247" s="18">
        <v>36.496350364963504</v>
      </c>
      <c r="F247" s="18">
        <v>39.705882352941174</v>
      </c>
      <c r="G247" s="18">
        <v>50</v>
      </c>
      <c r="H247" s="72">
        <v>0</v>
      </c>
      <c r="I247" s="18">
        <v>17.647058823529413</v>
      </c>
      <c r="J247" s="18">
        <v>39.583333333333329</v>
      </c>
      <c r="K247" s="18">
        <v>40</v>
      </c>
      <c r="L247" s="18">
        <v>50</v>
      </c>
      <c r="M247" s="18">
        <v>11.111111111111111</v>
      </c>
      <c r="N247" s="18">
        <v>30.434782608695656</v>
      </c>
      <c r="O247" s="18">
        <v>22.222222222222221</v>
      </c>
      <c r="P247" s="18">
        <v>50</v>
      </c>
      <c r="Q247" s="18">
        <v>11.111111111111111</v>
      </c>
      <c r="R247" s="18">
        <v>30.76923076923077</v>
      </c>
      <c r="S247" s="18">
        <v>18.181818181818183</v>
      </c>
      <c r="T247" s="73">
        <v>64.705882352941174</v>
      </c>
      <c r="U247" s="73">
        <v>39.252336448598129</v>
      </c>
      <c r="V247" s="73">
        <v>50</v>
      </c>
      <c r="W247" s="25">
        <v>50</v>
      </c>
    </row>
    <row r="248" spans="1:23" s="2" customFormat="1" ht="33.75" customHeight="1" x14ac:dyDescent="0.15">
      <c r="A248" s="118"/>
      <c r="B248" s="87" t="s">
        <v>215</v>
      </c>
      <c r="C248" s="72">
        <v>62.994350282485875</v>
      </c>
      <c r="D248" s="72">
        <v>65.891472868217051</v>
      </c>
      <c r="E248" s="18">
        <v>63.503649635036496</v>
      </c>
      <c r="F248" s="18">
        <v>60.294117647058826</v>
      </c>
      <c r="G248" s="18">
        <v>50</v>
      </c>
      <c r="H248" s="72">
        <v>0</v>
      </c>
      <c r="I248" s="18">
        <v>82.35294117647058</v>
      </c>
      <c r="J248" s="18">
        <v>60.416666666666671</v>
      </c>
      <c r="K248" s="18">
        <v>60</v>
      </c>
      <c r="L248" s="18">
        <v>50</v>
      </c>
      <c r="M248" s="18">
        <v>88.888888888888886</v>
      </c>
      <c r="N248" s="18">
        <v>69.565217391304344</v>
      </c>
      <c r="O248" s="18">
        <v>77.777777777777771</v>
      </c>
      <c r="P248" s="18">
        <v>50</v>
      </c>
      <c r="Q248" s="18">
        <v>88.888888888888886</v>
      </c>
      <c r="R248" s="18">
        <v>69.230769230769226</v>
      </c>
      <c r="S248" s="18">
        <v>81.818181818181813</v>
      </c>
      <c r="T248" s="73">
        <v>35.294117647058826</v>
      </c>
      <c r="U248" s="73">
        <v>60.747663551401871</v>
      </c>
      <c r="V248" s="73">
        <v>50</v>
      </c>
      <c r="W248" s="25">
        <v>50</v>
      </c>
    </row>
    <row r="249" spans="1:23" s="2" customFormat="1" ht="33.75" customHeight="1" x14ac:dyDescent="0.15">
      <c r="A249" s="119" t="s">
        <v>216</v>
      </c>
      <c r="B249" s="87"/>
      <c r="C249" s="72">
        <v>38.752052545155991</v>
      </c>
      <c r="D249" s="72">
        <v>48.473282442748086</v>
      </c>
      <c r="E249" s="18">
        <v>39.406779661016941</v>
      </c>
      <c r="F249" s="18">
        <v>16.470588235294116</v>
      </c>
      <c r="G249" s="18">
        <v>7.6923076923076934</v>
      </c>
      <c r="H249" s="72">
        <v>100</v>
      </c>
      <c r="I249" s="18">
        <v>69.642857142857139</v>
      </c>
      <c r="J249" s="18">
        <v>31.081081081081081</v>
      </c>
      <c r="K249" s="18">
        <v>64.285714285714278</v>
      </c>
      <c r="L249" s="18">
        <v>47.058823529411761</v>
      </c>
      <c r="M249" s="18">
        <v>72.972972972972968</v>
      </c>
      <c r="N249" s="18">
        <v>41.463414634146346</v>
      </c>
      <c r="O249" s="18">
        <v>35.483870967741936</v>
      </c>
      <c r="P249" s="18">
        <v>0</v>
      </c>
      <c r="Q249" s="18">
        <v>48.717948717948723</v>
      </c>
      <c r="R249" s="18">
        <v>33.333333333333343</v>
      </c>
      <c r="S249" s="18">
        <v>35.294117647058826</v>
      </c>
      <c r="T249" s="73">
        <v>34.482758620689651</v>
      </c>
      <c r="U249" s="73">
        <v>11.111111111111114</v>
      </c>
      <c r="V249" s="73">
        <v>5</v>
      </c>
      <c r="W249" s="25">
        <v>55.73770491803279</v>
      </c>
    </row>
    <row r="250" spans="1:23" s="2" customFormat="1" ht="33.75" customHeight="1" thickBot="1" x14ac:dyDescent="0.2">
      <c r="A250" s="120" t="s">
        <v>217</v>
      </c>
      <c r="B250" s="92"/>
      <c r="C250" s="77">
        <v>48.08836023789295</v>
      </c>
      <c r="D250" s="77">
        <v>63.150492264416314</v>
      </c>
      <c r="E250" s="29">
        <v>30.498533724340177</v>
      </c>
      <c r="F250" s="29">
        <v>12.244897959183673</v>
      </c>
      <c r="G250" s="29">
        <v>3.7037037037037033</v>
      </c>
      <c r="H250" s="77">
        <v>72.727272727272734</v>
      </c>
      <c r="I250" s="29">
        <v>50.877192982456144</v>
      </c>
      <c r="J250" s="29">
        <v>48.251748251748253</v>
      </c>
      <c r="K250" s="29">
        <v>6.666666666666667</v>
      </c>
      <c r="L250" s="29">
        <v>54.054054054054056</v>
      </c>
      <c r="M250" s="29">
        <v>64.761904761904759</v>
      </c>
      <c r="N250" s="29">
        <v>53.409090909090907</v>
      </c>
      <c r="O250" s="29">
        <v>49.180327868852459</v>
      </c>
      <c r="P250" s="29">
        <v>77.777777777777786</v>
      </c>
      <c r="Q250" s="29">
        <v>44.285714285714285</v>
      </c>
      <c r="R250" s="29">
        <v>65</v>
      </c>
      <c r="S250" s="29">
        <v>50</v>
      </c>
      <c r="T250" s="65">
        <v>33.333333333333329</v>
      </c>
      <c r="U250" s="65">
        <v>27.586206896551722</v>
      </c>
      <c r="V250" s="65">
        <v>31.03448275862069</v>
      </c>
      <c r="W250" s="30">
        <v>51.181102362204726</v>
      </c>
    </row>
    <row r="251" spans="1:23" s="2" customFormat="1" x14ac:dyDescent="0.15"/>
    <row r="252" spans="1:23" s="2" customFormat="1" x14ac:dyDescent="0.15"/>
    <row r="253" spans="1:23" s="2" customFormat="1" x14ac:dyDescent="0.15">
      <c r="A253" s="2" t="s">
        <v>456</v>
      </c>
      <c r="F253" s="2" t="s">
        <v>458</v>
      </c>
    </row>
    <row r="254" spans="1:23" s="2" customFormat="1" ht="14.25" thickBot="1" x14ac:dyDescent="0.2">
      <c r="V254" s="86"/>
      <c r="W254" s="86" t="s">
        <v>218</v>
      </c>
    </row>
    <row r="255" spans="1:23" s="2" customFormat="1" x14ac:dyDescent="0.15">
      <c r="A255" s="4"/>
      <c r="B255" s="5" t="s">
        <v>76</v>
      </c>
      <c r="C255" s="67"/>
      <c r="D255" s="37" t="s">
        <v>15</v>
      </c>
      <c r="E255" s="38"/>
      <c r="F255" s="38"/>
      <c r="G255" s="48"/>
      <c r="H255" s="37" t="s">
        <v>20</v>
      </c>
      <c r="I255" s="38"/>
      <c r="J255" s="38"/>
      <c r="K255" s="38"/>
      <c r="L255" s="38"/>
      <c r="M255" s="38"/>
      <c r="N255" s="38"/>
      <c r="O255" s="38"/>
      <c r="P255" s="38"/>
      <c r="Q255" s="38"/>
      <c r="R255" s="38"/>
      <c r="S255" s="38"/>
      <c r="T255" s="38"/>
      <c r="U255" s="38"/>
      <c r="V255" s="38"/>
      <c r="W255" s="48"/>
    </row>
    <row r="256" spans="1:23" s="2" customFormat="1" ht="54.75" thickBot="1" x14ac:dyDescent="0.2">
      <c r="A256" s="13" t="s">
        <v>87</v>
      </c>
      <c r="C256" s="68" t="s">
        <v>19</v>
      </c>
      <c r="D256" s="50" t="s">
        <v>61</v>
      </c>
      <c r="E256" s="51" t="s">
        <v>151</v>
      </c>
      <c r="F256" s="51" t="s">
        <v>219</v>
      </c>
      <c r="G256" s="52" t="s">
        <v>1</v>
      </c>
      <c r="H256" s="53" t="s">
        <v>2</v>
      </c>
      <c r="I256" s="11" t="s">
        <v>89</v>
      </c>
      <c r="J256" s="11" t="s">
        <v>152</v>
      </c>
      <c r="K256" s="54" t="s">
        <v>183</v>
      </c>
      <c r="L256" s="55" t="s">
        <v>4</v>
      </c>
      <c r="M256" s="56" t="s">
        <v>5</v>
      </c>
      <c r="N256" s="55" t="s">
        <v>82</v>
      </c>
      <c r="O256" s="55" t="s">
        <v>6</v>
      </c>
      <c r="P256" s="56" t="s">
        <v>7</v>
      </c>
      <c r="Q256" s="57" t="s">
        <v>8</v>
      </c>
      <c r="R256" s="56" t="s">
        <v>9</v>
      </c>
      <c r="S256" s="55" t="s">
        <v>10</v>
      </c>
      <c r="T256" s="55" t="s">
        <v>11</v>
      </c>
      <c r="U256" s="55" t="s">
        <v>12</v>
      </c>
      <c r="V256" s="58" t="s">
        <v>83</v>
      </c>
      <c r="W256" s="59" t="s">
        <v>13</v>
      </c>
    </row>
    <row r="257" spans="1:23" s="2" customFormat="1" ht="32.25" customHeight="1" x14ac:dyDescent="0.15">
      <c r="A257" s="37" t="s">
        <v>220</v>
      </c>
      <c r="B257" s="38"/>
      <c r="C257" s="69">
        <v>34.708737864077669</v>
      </c>
      <c r="D257" s="70">
        <v>45.088161209068012</v>
      </c>
      <c r="E257" s="63">
        <v>38.05460750853242</v>
      </c>
      <c r="F257" s="63">
        <v>32.552404438964246</v>
      </c>
      <c r="G257" s="15">
        <v>30.73394495412844</v>
      </c>
      <c r="H257" s="70">
        <v>0</v>
      </c>
      <c r="I257" s="63">
        <v>10.975609756097562</v>
      </c>
      <c r="J257" s="63">
        <v>17.875</v>
      </c>
      <c r="K257" s="63">
        <v>8.235294117647058</v>
      </c>
      <c r="L257" s="63">
        <v>28.846153846153843</v>
      </c>
      <c r="M257" s="63">
        <v>12.962962962962962</v>
      </c>
      <c r="N257" s="63">
        <v>27.683615819209038</v>
      </c>
      <c r="O257" s="63">
        <v>53.846153846153847</v>
      </c>
      <c r="P257" s="63">
        <v>85.714285714285708</v>
      </c>
      <c r="Q257" s="63">
        <v>36.363636363636367</v>
      </c>
      <c r="R257" s="63">
        <v>53.125</v>
      </c>
      <c r="S257" s="63">
        <v>52</v>
      </c>
      <c r="T257" s="61">
        <v>25.882352941176475</v>
      </c>
      <c r="U257" s="61">
        <v>60.930735930735935</v>
      </c>
      <c r="V257" s="61">
        <v>53.846153846153847</v>
      </c>
      <c r="W257" s="15">
        <v>17.112299465240639</v>
      </c>
    </row>
    <row r="258" spans="1:23" s="2" customFormat="1" ht="32.25" customHeight="1" x14ac:dyDescent="0.15">
      <c r="A258" s="310" t="s">
        <v>221</v>
      </c>
      <c r="B258" s="311"/>
      <c r="C258" s="121">
        <v>1608</v>
      </c>
      <c r="D258" s="122">
        <v>186</v>
      </c>
      <c r="E258" s="123">
        <v>343</v>
      </c>
      <c r="F258" s="123">
        <v>424</v>
      </c>
      <c r="G258" s="124">
        <v>655</v>
      </c>
      <c r="H258" s="125">
        <v>3</v>
      </c>
      <c r="I258" s="123">
        <v>140</v>
      </c>
      <c r="J258" s="123">
        <v>612</v>
      </c>
      <c r="K258" s="123">
        <v>77</v>
      </c>
      <c r="L258" s="123">
        <v>71</v>
      </c>
      <c r="M258" s="123">
        <v>87</v>
      </c>
      <c r="N258" s="123">
        <v>64</v>
      </c>
      <c r="O258" s="123">
        <v>32</v>
      </c>
      <c r="P258" s="123">
        <v>1</v>
      </c>
      <c r="Q258" s="123">
        <v>42</v>
      </c>
      <c r="R258" s="123">
        <v>13</v>
      </c>
      <c r="S258" s="123">
        <v>12</v>
      </c>
      <c r="T258" s="126">
        <v>50</v>
      </c>
      <c r="U258" s="126">
        <v>259</v>
      </c>
      <c r="V258" s="126">
        <v>23</v>
      </c>
      <c r="W258" s="124">
        <v>122</v>
      </c>
    </row>
    <row r="259" spans="1:23" s="2" customFormat="1" ht="32.25" customHeight="1" x14ac:dyDescent="0.15">
      <c r="A259" s="118"/>
      <c r="B259" s="40" t="s">
        <v>222</v>
      </c>
      <c r="C259" s="71">
        <v>1.1194029850746268</v>
      </c>
      <c r="D259" s="72">
        <v>3.763440860215054</v>
      </c>
      <c r="E259" s="18">
        <v>1.1661807580174928</v>
      </c>
      <c r="F259" s="18">
        <v>1.4150943396226416</v>
      </c>
      <c r="G259" s="25">
        <v>0.15267175572519084</v>
      </c>
      <c r="H259" s="125">
        <v>0</v>
      </c>
      <c r="I259" s="18">
        <v>0.7142857142857143</v>
      </c>
      <c r="J259" s="18">
        <v>0.16339869281045752</v>
      </c>
      <c r="K259" s="18">
        <v>0</v>
      </c>
      <c r="L259" s="18">
        <v>0</v>
      </c>
      <c r="M259" s="18">
        <v>2.2988505747126435</v>
      </c>
      <c r="N259" s="18">
        <v>0</v>
      </c>
      <c r="O259" s="18">
        <v>12.5</v>
      </c>
      <c r="P259" s="18">
        <v>0</v>
      </c>
      <c r="Q259" s="18">
        <v>4.7619047619047619</v>
      </c>
      <c r="R259" s="18">
        <v>0</v>
      </c>
      <c r="S259" s="18">
        <v>0</v>
      </c>
      <c r="T259" s="73">
        <v>2</v>
      </c>
      <c r="U259" s="73">
        <v>1.5444015444015444</v>
      </c>
      <c r="V259" s="73">
        <v>4.3478260869565215</v>
      </c>
      <c r="W259" s="25">
        <v>1.639344262295082</v>
      </c>
    </row>
    <row r="260" spans="1:23" s="2" customFormat="1" ht="32.25" customHeight="1" x14ac:dyDescent="0.15">
      <c r="A260" s="310" t="s">
        <v>223</v>
      </c>
      <c r="B260" s="311"/>
      <c r="C260" s="121">
        <v>1276</v>
      </c>
      <c r="D260" s="122">
        <v>211</v>
      </c>
      <c r="E260" s="123">
        <v>243</v>
      </c>
      <c r="F260" s="123">
        <v>387</v>
      </c>
      <c r="G260" s="124">
        <v>435</v>
      </c>
      <c r="H260" s="122">
        <v>0</v>
      </c>
      <c r="I260" s="123">
        <v>24</v>
      </c>
      <c r="J260" s="123">
        <v>188</v>
      </c>
      <c r="K260" s="123">
        <v>8</v>
      </c>
      <c r="L260" s="123">
        <v>33</v>
      </c>
      <c r="M260" s="123">
        <v>21</v>
      </c>
      <c r="N260" s="123">
        <v>113</v>
      </c>
      <c r="O260" s="123">
        <v>33</v>
      </c>
      <c r="P260" s="123">
        <v>6</v>
      </c>
      <c r="Q260" s="123">
        <v>24</v>
      </c>
      <c r="R260" s="123">
        <v>19</v>
      </c>
      <c r="S260" s="123">
        <v>13</v>
      </c>
      <c r="T260" s="126">
        <v>35</v>
      </c>
      <c r="U260" s="126">
        <v>665</v>
      </c>
      <c r="V260" s="126">
        <v>29</v>
      </c>
      <c r="W260" s="124">
        <v>65</v>
      </c>
    </row>
    <row r="261" spans="1:23" s="2" customFormat="1" ht="32.25" customHeight="1" x14ac:dyDescent="0.15">
      <c r="A261" s="118"/>
      <c r="B261" s="40" t="s">
        <v>224</v>
      </c>
      <c r="C261" s="71">
        <v>77.03761755485894</v>
      </c>
      <c r="D261" s="72">
        <v>81.516587677725113</v>
      </c>
      <c r="E261" s="18">
        <v>90.123456790123456</v>
      </c>
      <c r="F261" s="18">
        <v>66.666666666666657</v>
      </c>
      <c r="G261" s="25">
        <v>76.781609195402297</v>
      </c>
      <c r="H261" s="72">
        <v>0</v>
      </c>
      <c r="I261" s="18">
        <v>70.833333333333343</v>
      </c>
      <c r="J261" s="18">
        <v>75.531914893617028</v>
      </c>
      <c r="K261" s="18">
        <v>87.5</v>
      </c>
      <c r="L261" s="18">
        <v>90.909090909090907</v>
      </c>
      <c r="M261" s="18">
        <v>57.142857142857139</v>
      </c>
      <c r="N261" s="18">
        <v>43.362831858407077</v>
      </c>
      <c r="O261" s="18">
        <v>93.939393939393938</v>
      </c>
      <c r="P261" s="18">
        <v>100</v>
      </c>
      <c r="Q261" s="18">
        <v>91.666666666666657</v>
      </c>
      <c r="R261" s="18">
        <v>89.473684210526315</v>
      </c>
      <c r="S261" s="18">
        <v>100</v>
      </c>
      <c r="T261" s="73">
        <v>60</v>
      </c>
      <c r="U261" s="73">
        <v>84.060150375939841</v>
      </c>
      <c r="V261" s="73">
        <v>93.103448275862064</v>
      </c>
      <c r="W261" s="25">
        <v>46.153846153846153</v>
      </c>
    </row>
    <row r="262" spans="1:23" s="2" customFormat="1" ht="32.25" customHeight="1" thickBot="1" x14ac:dyDescent="0.2">
      <c r="A262" s="46" t="s">
        <v>225</v>
      </c>
      <c r="B262" s="47"/>
      <c r="C262" s="76">
        <v>1.7982017982017984</v>
      </c>
      <c r="D262" s="77">
        <v>3.9106145251396649</v>
      </c>
      <c r="E262" s="29">
        <v>1.7937219730941705</v>
      </c>
      <c r="F262" s="29">
        <v>2.2727272727272729</v>
      </c>
      <c r="G262" s="30">
        <v>0.29850746268656719</v>
      </c>
      <c r="H262" s="77">
        <v>0</v>
      </c>
      <c r="I262" s="29">
        <v>5.5555555555555554</v>
      </c>
      <c r="J262" s="29">
        <v>0.69930069930069927</v>
      </c>
      <c r="K262" s="29">
        <v>0</v>
      </c>
      <c r="L262" s="29">
        <v>0</v>
      </c>
      <c r="M262" s="29">
        <v>14.285714285714285</v>
      </c>
      <c r="N262" s="29">
        <v>0</v>
      </c>
      <c r="O262" s="29">
        <v>11.428571428571429</v>
      </c>
      <c r="P262" s="29">
        <v>0</v>
      </c>
      <c r="Q262" s="29">
        <v>8.3333333333333321</v>
      </c>
      <c r="R262" s="29">
        <v>0</v>
      </c>
      <c r="S262" s="29">
        <v>0</v>
      </c>
      <c r="T262" s="65">
        <v>4.5454545454545459</v>
      </c>
      <c r="U262" s="65">
        <v>0.71047957371225579</v>
      </c>
      <c r="V262" s="65">
        <v>3.5714285714285712</v>
      </c>
      <c r="W262" s="30">
        <v>6.25</v>
      </c>
    </row>
    <row r="263" spans="1:23" s="2" customFormat="1" x14ac:dyDescent="0.15">
      <c r="A263" s="2" t="s">
        <v>226</v>
      </c>
    </row>
    <row r="264" spans="1:23" s="2" customFormat="1" x14ac:dyDescent="0.15">
      <c r="A264" s="2" t="s">
        <v>227</v>
      </c>
    </row>
    <row r="265" spans="1:23" s="2" customFormat="1" x14ac:dyDescent="0.15"/>
    <row r="266" spans="1:23" s="2" customFormat="1" x14ac:dyDescent="0.15"/>
    <row r="267" spans="1:23" s="2" customFormat="1" x14ac:dyDescent="0.15">
      <c r="A267" s="2" t="s">
        <v>228</v>
      </c>
      <c r="F267" s="2" t="s">
        <v>426</v>
      </c>
    </row>
    <row r="268" spans="1:23" s="2" customFormat="1" ht="14.25" thickBot="1" x14ac:dyDescent="0.2">
      <c r="V268" s="1"/>
      <c r="W268" s="1" t="s">
        <v>75</v>
      </c>
    </row>
    <row r="269" spans="1:23" s="2" customFormat="1" x14ac:dyDescent="0.15">
      <c r="A269" s="4"/>
      <c r="B269" s="5" t="s">
        <v>76</v>
      </c>
      <c r="C269" s="67"/>
      <c r="D269" s="37" t="s">
        <v>15</v>
      </c>
      <c r="E269" s="38"/>
      <c r="F269" s="38"/>
      <c r="G269" s="48"/>
      <c r="H269" s="37" t="s">
        <v>20</v>
      </c>
      <c r="I269" s="38"/>
      <c r="J269" s="38"/>
      <c r="K269" s="38"/>
      <c r="L269" s="38"/>
      <c r="M269" s="38"/>
      <c r="N269" s="38"/>
      <c r="O269" s="38"/>
      <c r="P269" s="38"/>
      <c r="Q269" s="38"/>
      <c r="R269" s="38"/>
      <c r="S269" s="38"/>
      <c r="T269" s="38"/>
      <c r="U269" s="38"/>
      <c r="V269" s="38"/>
      <c r="W269" s="48"/>
    </row>
    <row r="270" spans="1:23" s="2" customFormat="1" ht="54.75" thickBot="1" x14ac:dyDescent="0.2">
      <c r="A270" s="13" t="s">
        <v>229</v>
      </c>
      <c r="C270" s="68" t="s">
        <v>19</v>
      </c>
      <c r="D270" s="50" t="s">
        <v>61</v>
      </c>
      <c r="E270" s="51" t="s">
        <v>151</v>
      </c>
      <c r="F270" s="51" t="s">
        <v>128</v>
      </c>
      <c r="G270" s="52" t="s">
        <v>1</v>
      </c>
      <c r="H270" s="53" t="s">
        <v>2</v>
      </c>
      <c r="I270" s="11" t="s">
        <v>230</v>
      </c>
      <c r="J270" s="11" t="s">
        <v>152</v>
      </c>
      <c r="K270" s="54" t="s">
        <v>91</v>
      </c>
      <c r="L270" s="55" t="s">
        <v>4</v>
      </c>
      <c r="M270" s="56" t="s">
        <v>5</v>
      </c>
      <c r="N270" s="55" t="s">
        <v>82</v>
      </c>
      <c r="O270" s="55" t="s">
        <v>6</v>
      </c>
      <c r="P270" s="56" t="s">
        <v>7</v>
      </c>
      <c r="Q270" s="57" t="s">
        <v>8</v>
      </c>
      <c r="R270" s="56" t="s">
        <v>9</v>
      </c>
      <c r="S270" s="55" t="s">
        <v>10</v>
      </c>
      <c r="T270" s="55" t="s">
        <v>11</v>
      </c>
      <c r="U270" s="55" t="s">
        <v>12</v>
      </c>
      <c r="V270" s="58" t="s">
        <v>83</v>
      </c>
      <c r="W270" s="59" t="s">
        <v>13</v>
      </c>
    </row>
    <row r="271" spans="1:23" s="2" customFormat="1" ht="37.5" customHeight="1" x14ac:dyDescent="0.15">
      <c r="A271" s="37" t="s">
        <v>231</v>
      </c>
      <c r="B271" s="48"/>
      <c r="C271" s="60">
        <v>9.4036697247706424</v>
      </c>
      <c r="D271" s="70">
        <v>19.428571428571427</v>
      </c>
      <c r="E271" s="63">
        <v>13.389121338912133</v>
      </c>
      <c r="F271" s="63">
        <v>8.0246913580246915</v>
      </c>
      <c r="G271" s="15">
        <v>5.4385964912280702</v>
      </c>
      <c r="H271" s="70">
        <v>0</v>
      </c>
      <c r="I271" s="63">
        <v>33.333333333333329</v>
      </c>
      <c r="J271" s="63">
        <v>5.1401869158878499</v>
      </c>
      <c r="K271" s="63">
        <v>28.571428571428569</v>
      </c>
      <c r="L271" s="63">
        <v>12.121212121212121</v>
      </c>
      <c r="M271" s="63">
        <v>23.076923076923077</v>
      </c>
      <c r="N271" s="63">
        <v>6.1224489795918364</v>
      </c>
      <c r="O271" s="63">
        <v>20</v>
      </c>
      <c r="P271" s="63">
        <v>33.333333333333329</v>
      </c>
      <c r="Q271" s="63">
        <v>22.727272727272727</v>
      </c>
      <c r="R271" s="63">
        <v>13.333333333333334</v>
      </c>
      <c r="S271" s="63">
        <v>14.285714285714285</v>
      </c>
      <c r="T271" s="61">
        <v>23.809523809523807</v>
      </c>
      <c r="U271" s="61">
        <v>5.9681697612732094</v>
      </c>
      <c r="V271" s="61">
        <v>15</v>
      </c>
      <c r="W271" s="15">
        <v>32.608695652173914</v>
      </c>
    </row>
    <row r="272" spans="1:23" s="2" customFormat="1" ht="37.5" customHeight="1" x14ac:dyDescent="0.15">
      <c r="A272" s="39" t="s">
        <v>232</v>
      </c>
      <c r="B272" s="16"/>
      <c r="C272" s="103">
        <v>68.960244648318053</v>
      </c>
      <c r="D272" s="72">
        <v>62.857142857142854</v>
      </c>
      <c r="E272" s="18">
        <v>63.179916317991633</v>
      </c>
      <c r="F272" s="18">
        <v>73.456790123456798</v>
      </c>
      <c r="G272" s="25">
        <v>70.701754385964904</v>
      </c>
      <c r="H272" s="72">
        <v>0</v>
      </c>
      <c r="I272" s="18">
        <v>50</v>
      </c>
      <c r="J272" s="18">
        <v>74.766355140186917</v>
      </c>
      <c r="K272" s="18">
        <v>71.428571428571431</v>
      </c>
      <c r="L272" s="18">
        <v>81.818181818181827</v>
      </c>
      <c r="M272" s="18">
        <v>30.76923076923077</v>
      </c>
      <c r="N272" s="18">
        <v>30.612244897959183</v>
      </c>
      <c r="O272" s="18">
        <v>48.571428571428569</v>
      </c>
      <c r="P272" s="18">
        <v>66.666666666666657</v>
      </c>
      <c r="Q272" s="18">
        <v>72.727272727272734</v>
      </c>
      <c r="R272" s="18">
        <v>73.333333333333329</v>
      </c>
      <c r="S272" s="18">
        <v>78.571428571428569</v>
      </c>
      <c r="T272" s="73">
        <v>50</v>
      </c>
      <c r="U272" s="73">
        <v>74.270557029177724</v>
      </c>
      <c r="V272" s="73">
        <v>47.5</v>
      </c>
      <c r="W272" s="25">
        <v>50</v>
      </c>
    </row>
    <row r="273" spans="1:23" s="2" customFormat="1" ht="37.5" customHeight="1" thickBot="1" x14ac:dyDescent="0.2">
      <c r="A273" s="8" t="s">
        <v>233</v>
      </c>
      <c r="B273" s="28"/>
      <c r="C273" s="64">
        <v>21.636085626911314</v>
      </c>
      <c r="D273" s="77">
        <v>17.714285714285712</v>
      </c>
      <c r="E273" s="29">
        <v>23.430962343096233</v>
      </c>
      <c r="F273" s="29">
        <v>18.518518518518519</v>
      </c>
      <c r="G273" s="30">
        <v>23.859649122807017</v>
      </c>
      <c r="H273" s="77">
        <v>0</v>
      </c>
      <c r="I273" s="29">
        <v>16.666666666666664</v>
      </c>
      <c r="J273" s="29">
        <v>20.093457943925234</v>
      </c>
      <c r="K273" s="29">
        <v>0</v>
      </c>
      <c r="L273" s="29">
        <v>6.0606060606060606</v>
      </c>
      <c r="M273" s="29">
        <v>46.153846153846153</v>
      </c>
      <c r="N273" s="29">
        <v>63.265306122448983</v>
      </c>
      <c r="O273" s="29">
        <v>31.428571428571427</v>
      </c>
      <c r="P273" s="29">
        <v>0</v>
      </c>
      <c r="Q273" s="29">
        <v>4.5454545454545459</v>
      </c>
      <c r="R273" s="29">
        <v>13.333333333333334</v>
      </c>
      <c r="S273" s="29">
        <v>7.1428571428571423</v>
      </c>
      <c r="T273" s="65">
        <v>26.190476190476193</v>
      </c>
      <c r="U273" s="65">
        <v>19.761273209549071</v>
      </c>
      <c r="V273" s="65">
        <v>37.5</v>
      </c>
      <c r="W273" s="30">
        <v>17.391304347826086</v>
      </c>
    </row>
    <row r="274" spans="1:23" s="2" customFormat="1" x14ac:dyDescent="0.15"/>
    <row r="275" spans="1:23" s="2" customFormat="1" x14ac:dyDescent="0.15"/>
    <row r="276" spans="1:23" s="2" customFormat="1" x14ac:dyDescent="0.15">
      <c r="A276" s="2" t="s">
        <v>416</v>
      </c>
      <c r="F276" s="2" t="s">
        <v>427</v>
      </c>
    </row>
    <row r="277" spans="1:23" s="2" customFormat="1" ht="14.25" thickBot="1" x14ac:dyDescent="0.2">
      <c r="V277" s="1"/>
      <c r="W277" s="1" t="s">
        <v>75</v>
      </c>
    </row>
    <row r="278" spans="1:23" s="2" customFormat="1" x14ac:dyDescent="0.15">
      <c r="A278" s="4"/>
      <c r="B278" s="5" t="s">
        <v>76</v>
      </c>
      <c r="C278" s="67"/>
      <c r="D278" s="37" t="s">
        <v>15</v>
      </c>
      <c r="E278" s="38"/>
      <c r="F278" s="38"/>
      <c r="G278" s="48"/>
      <c r="H278" s="37" t="s">
        <v>20</v>
      </c>
      <c r="I278" s="38"/>
      <c r="J278" s="38"/>
      <c r="K278" s="38"/>
      <c r="L278" s="38"/>
      <c r="M278" s="38"/>
      <c r="N278" s="38"/>
      <c r="O278" s="38"/>
      <c r="P278" s="38"/>
      <c r="Q278" s="38"/>
      <c r="R278" s="38"/>
      <c r="S278" s="38"/>
      <c r="T278" s="38"/>
      <c r="U278" s="38"/>
      <c r="V278" s="38"/>
      <c r="W278" s="48"/>
    </row>
    <row r="279" spans="1:23" s="2" customFormat="1" ht="54.75" thickBot="1" x14ac:dyDescent="0.2">
      <c r="A279" s="13" t="s">
        <v>87</v>
      </c>
      <c r="C279" s="68" t="s">
        <v>19</v>
      </c>
      <c r="D279" s="50" t="s">
        <v>61</v>
      </c>
      <c r="E279" s="51" t="s">
        <v>151</v>
      </c>
      <c r="F279" s="51" t="s">
        <v>109</v>
      </c>
      <c r="G279" s="52" t="s">
        <v>1</v>
      </c>
      <c r="H279" s="53" t="s">
        <v>2</v>
      </c>
      <c r="I279" s="11" t="s">
        <v>105</v>
      </c>
      <c r="J279" s="11" t="s">
        <v>111</v>
      </c>
      <c r="K279" s="54" t="s">
        <v>91</v>
      </c>
      <c r="L279" s="55" t="s">
        <v>4</v>
      </c>
      <c r="M279" s="56" t="s">
        <v>5</v>
      </c>
      <c r="N279" s="55" t="s">
        <v>82</v>
      </c>
      <c r="O279" s="55" t="s">
        <v>6</v>
      </c>
      <c r="P279" s="56" t="s">
        <v>7</v>
      </c>
      <c r="Q279" s="57" t="s">
        <v>8</v>
      </c>
      <c r="R279" s="56" t="s">
        <v>9</v>
      </c>
      <c r="S279" s="55" t="s">
        <v>10</v>
      </c>
      <c r="T279" s="55" t="s">
        <v>11</v>
      </c>
      <c r="U279" s="55" t="s">
        <v>12</v>
      </c>
      <c r="V279" s="58" t="s">
        <v>83</v>
      </c>
      <c r="W279" s="59" t="s">
        <v>13</v>
      </c>
    </row>
    <row r="280" spans="1:23" s="2" customFormat="1" ht="37.5" customHeight="1" x14ac:dyDescent="0.15">
      <c r="A280" s="127" t="s">
        <v>234</v>
      </c>
      <c r="B280" s="116"/>
      <c r="C280" s="60">
        <v>40.419947506561684</v>
      </c>
      <c r="D280" s="70">
        <v>32.644017725258493</v>
      </c>
      <c r="E280" s="63">
        <v>48.816568047337277</v>
      </c>
      <c r="F280" s="63">
        <v>60.784313725490193</v>
      </c>
      <c r="G280" s="15">
        <v>53.846153846153847</v>
      </c>
      <c r="H280" s="70">
        <v>30</v>
      </c>
      <c r="I280" s="63">
        <v>31.132075471698112</v>
      </c>
      <c r="J280" s="63">
        <v>30.434782608695656</v>
      </c>
      <c r="K280" s="63">
        <v>73.68421052631578</v>
      </c>
      <c r="L280" s="63">
        <v>50</v>
      </c>
      <c r="M280" s="63">
        <v>31.683168316831683</v>
      </c>
      <c r="N280" s="63">
        <v>39.285714285714285</v>
      </c>
      <c r="O280" s="63">
        <v>69.491525423728817</v>
      </c>
      <c r="P280" s="63">
        <v>23.076923076923077</v>
      </c>
      <c r="Q280" s="63">
        <v>27.27272727272727</v>
      </c>
      <c r="R280" s="63">
        <v>24.137931034482758</v>
      </c>
      <c r="S280" s="63">
        <v>39.393939393939391</v>
      </c>
      <c r="T280" s="61">
        <v>48.979591836734691</v>
      </c>
      <c r="U280" s="61">
        <v>45.086705202312139</v>
      </c>
      <c r="V280" s="61">
        <v>60</v>
      </c>
      <c r="W280" s="15">
        <v>47.899159663865547</v>
      </c>
    </row>
    <row r="281" spans="1:23" s="2" customFormat="1" ht="37.5" customHeight="1" x14ac:dyDescent="0.15">
      <c r="A281" s="93"/>
      <c r="B281" s="19" t="s">
        <v>235</v>
      </c>
      <c r="C281" s="103">
        <v>26.246719160104988</v>
      </c>
      <c r="D281" s="72">
        <v>21.861152141802069</v>
      </c>
      <c r="E281" s="18">
        <v>29.88165680473373</v>
      </c>
      <c r="F281" s="18">
        <v>39.215686274509807</v>
      </c>
      <c r="G281" s="25">
        <v>42.307692307692307</v>
      </c>
      <c r="H281" s="72">
        <v>10</v>
      </c>
      <c r="I281" s="18">
        <v>20.754716981132077</v>
      </c>
      <c r="J281" s="18">
        <v>14.492753623188406</v>
      </c>
      <c r="K281" s="18">
        <v>73.68421052631578</v>
      </c>
      <c r="L281" s="18">
        <v>34.722222222222221</v>
      </c>
      <c r="M281" s="18">
        <v>21.782178217821784</v>
      </c>
      <c r="N281" s="18">
        <v>28.571428571428569</v>
      </c>
      <c r="O281" s="18">
        <v>49.152542372881356</v>
      </c>
      <c r="P281" s="18">
        <v>11.538461538461538</v>
      </c>
      <c r="Q281" s="18">
        <v>24.242424242424242</v>
      </c>
      <c r="R281" s="18">
        <v>10.344827586206897</v>
      </c>
      <c r="S281" s="18">
        <v>39.393939393939391</v>
      </c>
      <c r="T281" s="73">
        <v>34.693877551020407</v>
      </c>
      <c r="U281" s="73">
        <v>25.433526011560691</v>
      </c>
      <c r="V281" s="73">
        <v>36.666666666666664</v>
      </c>
      <c r="W281" s="25">
        <v>27.731092436974791</v>
      </c>
    </row>
    <row r="282" spans="1:23" s="2" customFormat="1" ht="37.5" customHeight="1" x14ac:dyDescent="0.15">
      <c r="A282" s="93"/>
      <c r="B282" s="19" t="s">
        <v>236</v>
      </c>
      <c r="C282" s="103">
        <v>9.3613298337707782</v>
      </c>
      <c r="D282" s="72">
        <v>7.6809453471196454</v>
      </c>
      <c r="E282" s="18">
        <v>11.242603550295858</v>
      </c>
      <c r="F282" s="18">
        <v>12.745098039215685</v>
      </c>
      <c r="G282" s="25">
        <v>15.384615384615385</v>
      </c>
      <c r="H282" s="72">
        <v>10</v>
      </c>
      <c r="I282" s="18">
        <v>9.433962264150944</v>
      </c>
      <c r="J282" s="18">
        <v>9.4202898550724647</v>
      </c>
      <c r="K282" s="18">
        <v>0</v>
      </c>
      <c r="L282" s="18">
        <v>12.5</v>
      </c>
      <c r="M282" s="18">
        <v>5.9405940594059405</v>
      </c>
      <c r="N282" s="18">
        <v>8.3333333333333321</v>
      </c>
      <c r="O282" s="18">
        <v>25.423728813559322</v>
      </c>
      <c r="P282" s="18">
        <v>0</v>
      </c>
      <c r="Q282" s="18">
        <v>1.5151515151515151</v>
      </c>
      <c r="R282" s="18">
        <v>3.4482758620689653</v>
      </c>
      <c r="S282" s="18">
        <v>0</v>
      </c>
      <c r="T282" s="73">
        <v>6.1224489795918364</v>
      </c>
      <c r="U282" s="73">
        <v>8.6705202312138727</v>
      </c>
      <c r="V282" s="73">
        <v>36.666666666666664</v>
      </c>
      <c r="W282" s="25">
        <v>11.76470588235294</v>
      </c>
    </row>
    <row r="283" spans="1:23" s="2" customFormat="1" ht="37.5" customHeight="1" x14ac:dyDescent="0.15">
      <c r="A283" s="118"/>
      <c r="B283" s="40" t="s">
        <v>137</v>
      </c>
      <c r="C283" s="103">
        <v>9.1863517060367457</v>
      </c>
      <c r="D283" s="72">
        <v>7.0901033973412115</v>
      </c>
      <c r="E283" s="18">
        <v>11.538461538461538</v>
      </c>
      <c r="F283" s="18">
        <v>15.686274509803921</v>
      </c>
      <c r="G283" s="25">
        <v>7.6923076923076925</v>
      </c>
      <c r="H283" s="72">
        <v>10</v>
      </c>
      <c r="I283" s="18">
        <v>2.8301886792452833</v>
      </c>
      <c r="J283" s="18">
        <v>10.869565217391305</v>
      </c>
      <c r="K283" s="18">
        <v>5.2631578947368416</v>
      </c>
      <c r="L283" s="18">
        <v>8.3333333333333321</v>
      </c>
      <c r="M283" s="18">
        <v>6.9306930693069315</v>
      </c>
      <c r="N283" s="18">
        <v>8.3333333333333321</v>
      </c>
      <c r="O283" s="18">
        <v>6.7796610169491522</v>
      </c>
      <c r="P283" s="18">
        <v>11.538461538461538</v>
      </c>
      <c r="Q283" s="18">
        <v>1.5151515151515151</v>
      </c>
      <c r="R283" s="18">
        <v>10.344827586206897</v>
      </c>
      <c r="S283" s="18">
        <v>0</v>
      </c>
      <c r="T283" s="73">
        <v>10.204081632653061</v>
      </c>
      <c r="U283" s="73">
        <v>14.450867052023122</v>
      </c>
      <c r="V283" s="73">
        <v>3.3333333333333335</v>
      </c>
      <c r="W283" s="25">
        <v>16.806722689075631</v>
      </c>
    </row>
    <row r="284" spans="1:23" s="2" customFormat="1" ht="37.5" customHeight="1" thickBot="1" x14ac:dyDescent="0.2">
      <c r="A284" s="8" t="s">
        <v>237</v>
      </c>
      <c r="B284" s="9"/>
      <c r="C284" s="64">
        <v>59.580052493438316</v>
      </c>
      <c r="D284" s="77">
        <v>67.355982274741507</v>
      </c>
      <c r="E284" s="29">
        <v>51.183431952662716</v>
      </c>
      <c r="F284" s="29">
        <v>39.215686274509807</v>
      </c>
      <c r="G284" s="30">
        <v>46.153846153846153</v>
      </c>
      <c r="H284" s="77">
        <v>70</v>
      </c>
      <c r="I284" s="29">
        <v>68.867924528301884</v>
      </c>
      <c r="J284" s="29">
        <v>69.565217391304344</v>
      </c>
      <c r="K284" s="29">
        <v>26.315789473684209</v>
      </c>
      <c r="L284" s="29">
        <v>50</v>
      </c>
      <c r="M284" s="29">
        <v>68.316831683168317</v>
      </c>
      <c r="N284" s="29">
        <v>60.714285714285708</v>
      </c>
      <c r="O284" s="29">
        <v>30.508474576271187</v>
      </c>
      <c r="P284" s="29">
        <v>76.923076923076934</v>
      </c>
      <c r="Q284" s="29">
        <v>72.727272727272734</v>
      </c>
      <c r="R284" s="29">
        <v>75.862068965517238</v>
      </c>
      <c r="S284" s="29">
        <v>60.606060606060609</v>
      </c>
      <c r="T284" s="65">
        <v>51.020408163265309</v>
      </c>
      <c r="U284" s="65">
        <v>54.913294797687861</v>
      </c>
      <c r="V284" s="65">
        <v>40</v>
      </c>
      <c r="W284" s="30">
        <v>52.100840336134461</v>
      </c>
    </row>
    <row r="285" spans="1:23" s="2" customFormat="1" x14ac:dyDescent="0.15"/>
    <row r="286" spans="1:23" s="2" customFormat="1" x14ac:dyDescent="0.15"/>
    <row r="287" spans="1:23" s="2" customFormat="1" x14ac:dyDescent="0.15">
      <c r="A287" s="2" t="s">
        <v>238</v>
      </c>
      <c r="F287" s="2" t="s">
        <v>459</v>
      </c>
    </row>
    <row r="288" spans="1:23" s="2" customFormat="1" ht="14.25" thickBot="1" x14ac:dyDescent="0.2">
      <c r="V288" s="1"/>
      <c r="W288" s="1" t="s">
        <v>75</v>
      </c>
    </row>
    <row r="289" spans="1:23" s="2" customFormat="1" x14ac:dyDescent="0.15">
      <c r="A289" s="4"/>
      <c r="B289" s="5" t="s">
        <v>76</v>
      </c>
      <c r="C289" s="67"/>
      <c r="D289" s="37" t="s">
        <v>15</v>
      </c>
      <c r="E289" s="38"/>
      <c r="F289" s="38"/>
      <c r="G289" s="48"/>
      <c r="H289" s="37" t="s">
        <v>20</v>
      </c>
      <c r="I289" s="38"/>
      <c r="J289" s="38"/>
      <c r="K289" s="38"/>
      <c r="L289" s="38"/>
      <c r="M289" s="38"/>
      <c r="N289" s="38"/>
      <c r="O289" s="38"/>
      <c r="P289" s="38"/>
      <c r="Q289" s="38"/>
      <c r="R289" s="38"/>
      <c r="S289" s="38"/>
      <c r="T289" s="38"/>
      <c r="U289" s="38"/>
      <c r="V289" s="38"/>
      <c r="W289" s="48"/>
    </row>
    <row r="290" spans="1:23" s="2" customFormat="1" ht="54.75" thickBot="1" x14ac:dyDescent="0.2">
      <c r="A290" s="13" t="s">
        <v>87</v>
      </c>
      <c r="C290" s="68" t="s">
        <v>19</v>
      </c>
      <c r="D290" s="50" t="s">
        <v>61</v>
      </c>
      <c r="E290" s="51" t="s">
        <v>181</v>
      </c>
      <c r="F290" s="51" t="s">
        <v>109</v>
      </c>
      <c r="G290" s="52" t="s">
        <v>1</v>
      </c>
      <c r="H290" s="53" t="s">
        <v>2</v>
      </c>
      <c r="I290" s="11" t="s">
        <v>105</v>
      </c>
      <c r="J290" s="11" t="s">
        <v>152</v>
      </c>
      <c r="K290" s="54" t="s">
        <v>183</v>
      </c>
      <c r="L290" s="55" t="s">
        <v>4</v>
      </c>
      <c r="M290" s="56" t="s">
        <v>5</v>
      </c>
      <c r="N290" s="55" t="s">
        <v>82</v>
      </c>
      <c r="O290" s="55" t="s">
        <v>6</v>
      </c>
      <c r="P290" s="56" t="s">
        <v>7</v>
      </c>
      <c r="Q290" s="57" t="s">
        <v>8</v>
      </c>
      <c r="R290" s="56" t="s">
        <v>9</v>
      </c>
      <c r="S290" s="55" t="s">
        <v>10</v>
      </c>
      <c r="T290" s="55" t="s">
        <v>11</v>
      </c>
      <c r="U290" s="55" t="s">
        <v>12</v>
      </c>
      <c r="V290" s="58" t="s">
        <v>83</v>
      </c>
      <c r="W290" s="59" t="s">
        <v>13</v>
      </c>
    </row>
    <row r="291" spans="1:23" s="2" customFormat="1" ht="33.75" customHeight="1" x14ac:dyDescent="0.15">
      <c r="A291" s="115" t="s">
        <v>239</v>
      </c>
      <c r="B291" s="116"/>
      <c r="C291" s="60">
        <v>68.77673224978615</v>
      </c>
      <c r="D291" s="70">
        <v>58.522727272727273</v>
      </c>
      <c r="E291" s="63">
        <v>82.005899705014755</v>
      </c>
      <c r="F291" s="63">
        <v>88.888888888888886</v>
      </c>
      <c r="G291" s="15">
        <v>96.296296296296291</v>
      </c>
      <c r="H291" s="70">
        <v>54.54545454545454</v>
      </c>
      <c r="I291" s="63">
        <v>65.178571428571431</v>
      </c>
      <c r="J291" s="63">
        <v>69.718309859154928</v>
      </c>
      <c r="K291" s="63">
        <v>80</v>
      </c>
      <c r="L291" s="63">
        <v>64.38356164383562</v>
      </c>
      <c r="M291" s="63">
        <v>55.882352941176471</v>
      </c>
      <c r="N291" s="63">
        <v>65.909090909090907</v>
      </c>
      <c r="O291" s="63">
        <v>75.409836065573771</v>
      </c>
      <c r="P291" s="63">
        <v>53.571428571428569</v>
      </c>
      <c r="Q291" s="63">
        <v>71.014492753623188</v>
      </c>
      <c r="R291" s="63">
        <v>55.932203389830505</v>
      </c>
      <c r="S291" s="63">
        <v>58.82352941176471</v>
      </c>
      <c r="T291" s="61">
        <v>80</v>
      </c>
      <c r="U291" s="61">
        <v>85.142857142857139</v>
      </c>
      <c r="V291" s="61">
        <v>90</v>
      </c>
      <c r="W291" s="15">
        <v>61.6</v>
      </c>
    </row>
    <row r="292" spans="1:23" s="2" customFormat="1" ht="33.75" customHeight="1" x14ac:dyDescent="0.15">
      <c r="A292" s="39" t="s">
        <v>240</v>
      </c>
      <c r="B292" s="40"/>
      <c r="C292" s="103">
        <v>31.223267750213857</v>
      </c>
      <c r="D292" s="72">
        <v>41.477272727272727</v>
      </c>
      <c r="E292" s="18">
        <v>17.994100294985252</v>
      </c>
      <c r="F292" s="18">
        <v>11.111111111111111</v>
      </c>
      <c r="G292" s="25">
        <v>3.7037037037037033</v>
      </c>
      <c r="H292" s="72">
        <v>45.454545454545453</v>
      </c>
      <c r="I292" s="18">
        <v>34.821428571428569</v>
      </c>
      <c r="J292" s="18">
        <v>30.281690140845068</v>
      </c>
      <c r="K292" s="18">
        <v>20</v>
      </c>
      <c r="L292" s="18">
        <v>35.61643835616438</v>
      </c>
      <c r="M292" s="18">
        <v>44.117647058823529</v>
      </c>
      <c r="N292" s="18">
        <v>34.090909090909086</v>
      </c>
      <c r="O292" s="18">
        <v>24.590163934426229</v>
      </c>
      <c r="P292" s="18">
        <v>46.428571428571431</v>
      </c>
      <c r="Q292" s="18">
        <v>28.985507246376812</v>
      </c>
      <c r="R292" s="18">
        <v>44.067796610169488</v>
      </c>
      <c r="S292" s="18">
        <v>41.17647058823529</v>
      </c>
      <c r="T292" s="73">
        <v>20</v>
      </c>
      <c r="U292" s="73">
        <v>14.857142857142858</v>
      </c>
      <c r="V292" s="73">
        <v>10</v>
      </c>
      <c r="W292" s="25">
        <v>38.4</v>
      </c>
    </row>
    <row r="293" spans="1:23" s="2" customFormat="1" ht="33.75" customHeight="1" x14ac:dyDescent="0.15">
      <c r="A293" s="21" t="s">
        <v>241</v>
      </c>
      <c r="B293" s="40"/>
      <c r="C293" s="103">
        <v>74.680306905370841</v>
      </c>
      <c r="D293" s="72">
        <v>64.914772727272734</v>
      </c>
      <c r="E293" s="18">
        <v>87.020648967551622</v>
      </c>
      <c r="F293" s="18">
        <v>94.174757281553397</v>
      </c>
      <c r="G293" s="25">
        <v>100</v>
      </c>
      <c r="H293" s="72">
        <v>45.454545454545453</v>
      </c>
      <c r="I293" s="18">
        <v>74.107142857142861</v>
      </c>
      <c r="J293" s="18">
        <v>66.197183098591552</v>
      </c>
      <c r="K293" s="18">
        <v>88.888888888888886</v>
      </c>
      <c r="L293" s="18">
        <v>78.082191780821915</v>
      </c>
      <c r="M293" s="18">
        <v>64.356435643564353</v>
      </c>
      <c r="N293" s="18">
        <v>80</v>
      </c>
      <c r="O293" s="18">
        <v>88.52459016393442</v>
      </c>
      <c r="P293" s="18">
        <v>48.148148148148145</v>
      </c>
      <c r="Q293" s="18">
        <v>66.666666666666657</v>
      </c>
      <c r="R293" s="18">
        <v>50.877192982456144</v>
      </c>
      <c r="S293" s="18">
        <v>57.575757575757578</v>
      </c>
      <c r="T293" s="73">
        <v>84.313725490196077</v>
      </c>
      <c r="U293" s="73">
        <v>88.764044943820224</v>
      </c>
      <c r="V293" s="73">
        <v>93.333333333333329</v>
      </c>
      <c r="W293" s="25">
        <v>78.400000000000006</v>
      </c>
    </row>
    <row r="294" spans="1:23" s="2" customFormat="1" ht="33.75" customHeight="1" x14ac:dyDescent="0.15">
      <c r="A294" s="93"/>
      <c r="B294" s="40" t="s">
        <v>242</v>
      </c>
      <c r="C294" s="103">
        <v>20.506329113924053</v>
      </c>
      <c r="D294" s="72">
        <v>11.881188118811881</v>
      </c>
      <c r="E294" s="18">
        <v>22.992700729927009</v>
      </c>
      <c r="F294" s="18">
        <v>41.379310344827587</v>
      </c>
      <c r="G294" s="25">
        <v>60</v>
      </c>
      <c r="H294" s="72">
        <v>16.666666666666664</v>
      </c>
      <c r="I294" s="18">
        <v>13.698630136986301</v>
      </c>
      <c r="J294" s="18">
        <v>21.428571428571427</v>
      </c>
      <c r="K294" s="18">
        <v>9.0909090909090917</v>
      </c>
      <c r="L294" s="18">
        <v>14.893617021276595</v>
      </c>
      <c r="M294" s="18">
        <v>7.1428571428571423</v>
      </c>
      <c r="N294" s="18">
        <v>7.0175438596491224</v>
      </c>
      <c r="O294" s="18">
        <v>26.666666666666668</v>
      </c>
      <c r="P294" s="18">
        <v>0</v>
      </c>
      <c r="Q294" s="18">
        <v>12.76595744680851</v>
      </c>
      <c r="R294" s="18">
        <v>3.125</v>
      </c>
      <c r="S294" s="18">
        <v>0</v>
      </c>
      <c r="T294" s="73">
        <v>36.111111111111107</v>
      </c>
      <c r="U294" s="73">
        <v>37.671232876712331</v>
      </c>
      <c r="V294" s="73">
        <v>44.444444444444443</v>
      </c>
      <c r="W294" s="25">
        <v>20</v>
      </c>
    </row>
    <row r="295" spans="1:23" s="2" customFormat="1" ht="33.75" customHeight="1" x14ac:dyDescent="0.15">
      <c r="A295" s="118"/>
      <c r="B295" s="40" t="s">
        <v>243</v>
      </c>
      <c r="C295" s="103">
        <v>79.493670886075947</v>
      </c>
      <c r="D295" s="72">
        <v>88.118811881188122</v>
      </c>
      <c r="E295" s="18">
        <v>77.007299270072991</v>
      </c>
      <c r="F295" s="18">
        <v>58.620689655172406</v>
      </c>
      <c r="G295" s="25">
        <v>40</v>
      </c>
      <c r="H295" s="72">
        <v>83.333333333333343</v>
      </c>
      <c r="I295" s="18">
        <v>86.301369863013704</v>
      </c>
      <c r="J295" s="18">
        <v>78.571428571428569</v>
      </c>
      <c r="K295" s="18">
        <v>90.909090909090907</v>
      </c>
      <c r="L295" s="18">
        <v>85.106382978723403</v>
      </c>
      <c r="M295" s="18">
        <v>92.857142857142861</v>
      </c>
      <c r="N295" s="18">
        <v>92.982456140350877</v>
      </c>
      <c r="O295" s="18">
        <v>73.333333333333329</v>
      </c>
      <c r="P295" s="18">
        <v>100</v>
      </c>
      <c r="Q295" s="18">
        <v>87.2340425531915</v>
      </c>
      <c r="R295" s="18">
        <v>96.875</v>
      </c>
      <c r="S295" s="18">
        <v>100</v>
      </c>
      <c r="T295" s="73">
        <v>63.888888888888886</v>
      </c>
      <c r="U295" s="73">
        <v>62.328767123287676</v>
      </c>
      <c r="V295" s="73">
        <v>55.555555555555557</v>
      </c>
      <c r="W295" s="25">
        <v>80</v>
      </c>
    </row>
    <row r="296" spans="1:23" s="2" customFormat="1" ht="33.75" customHeight="1" thickBot="1" x14ac:dyDescent="0.2">
      <c r="A296" s="46" t="s">
        <v>244</v>
      </c>
      <c r="B296" s="47"/>
      <c r="C296" s="64">
        <v>25.319693094629159</v>
      </c>
      <c r="D296" s="77">
        <v>35.085227272727273</v>
      </c>
      <c r="E296" s="29">
        <v>12.979351032448378</v>
      </c>
      <c r="F296" s="29">
        <v>5.825242718446602</v>
      </c>
      <c r="G296" s="30">
        <v>0</v>
      </c>
      <c r="H296" s="77">
        <v>54.54545454545454</v>
      </c>
      <c r="I296" s="29">
        <v>25.892857142857146</v>
      </c>
      <c r="J296" s="29">
        <v>33.802816901408448</v>
      </c>
      <c r="K296" s="29">
        <v>11.111111111111111</v>
      </c>
      <c r="L296" s="29">
        <v>21.917808219178081</v>
      </c>
      <c r="M296" s="29">
        <v>35.64356435643564</v>
      </c>
      <c r="N296" s="29">
        <v>20</v>
      </c>
      <c r="O296" s="29">
        <v>11.475409836065573</v>
      </c>
      <c r="P296" s="29">
        <v>51.851851851851848</v>
      </c>
      <c r="Q296" s="29">
        <v>33.333333333333329</v>
      </c>
      <c r="R296" s="29">
        <v>49.122807017543856</v>
      </c>
      <c r="S296" s="29">
        <v>42.424242424242422</v>
      </c>
      <c r="T296" s="65">
        <v>15.686274509803921</v>
      </c>
      <c r="U296" s="65">
        <v>11.235955056179774</v>
      </c>
      <c r="V296" s="65">
        <v>6.666666666666667</v>
      </c>
      <c r="W296" s="30">
        <v>21.6</v>
      </c>
    </row>
    <row r="297" spans="1:23" s="2" customFormat="1" x14ac:dyDescent="0.15"/>
    <row r="298" spans="1:23" s="2" customFormat="1" x14ac:dyDescent="0.15"/>
    <row r="299" spans="1:23" s="2" customFormat="1" x14ac:dyDescent="0.15">
      <c r="A299" s="2" t="s">
        <v>245</v>
      </c>
      <c r="F299" s="2" t="s">
        <v>442</v>
      </c>
    </row>
    <row r="300" spans="1:23" s="2" customFormat="1" ht="14.25" thickBot="1" x14ac:dyDescent="0.2">
      <c r="V300" s="86"/>
      <c r="W300" s="86" t="s">
        <v>246</v>
      </c>
    </row>
    <row r="301" spans="1:23" s="2" customFormat="1" x14ac:dyDescent="0.15">
      <c r="A301" s="4"/>
      <c r="B301" s="5" t="s">
        <v>76</v>
      </c>
      <c r="C301" s="67"/>
      <c r="D301" s="37" t="s">
        <v>15</v>
      </c>
      <c r="E301" s="38"/>
      <c r="F301" s="38"/>
      <c r="G301" s="48"/>
      <c r="H301" s="37" t="s">
        <v>20</v>
      </c>
      <c r="I301" s="38"/>
      <c r="J301" s="38"/>
      <c r="K301" s="38"/>
      <c r="L301" s="38"/>
      <c r="M301" s="38"/>
      <c r="N301" s="38"/>
      <c r="O301" s="38"/>
      <c r="P301" s="38"/>
      <c r="Q301" s="38"/>
      <c r="R301" s="38"/>
      <c r="S301" s="38"/>
      <c r="T301" s="38"/>
      <c r="U301" s="38"/>
      <c r="V301" s="38"/>
      <c r="W301" s="48"/>
    </row>
    <row r="302" spans="1:23" s="2" customFormat="1" ht="54.75" thickBot="1" x14ac:dyDescent="0.2">
      <c r="A302" s="13" t="s">
        <v>87</v>
      </c>
      <c r="C302" s="68" t="s">
        <v>19</v>
      </c>
      <c r="D302" s="50" t="s">
        <v>174</v>
      </c>
      <c r="E302" s="51" t="s">
        <v>247</v>
      </c>
      <c r="F302" s="51" t="s">
        <v>128</v>
      </c>
      <c r="G302" s="52" t="s">
        <v>1</v>
      </c>
      <c r="H302" s="53" t="s">
        <v>2</v>
      </c>
      <c r="I302" s="11" t="s">
        <v>89</v>
      </c>
      <c r="J302" s="11" t="s">
        <v>129</v>
      </c>
      <c r="K302" s="54" t="s">
        <v>91</v>
      </c>
      <c r="L302" s="55" t="s">
        <v>4</v>
      </c>
      <c r="M302" s="56" t="s">
        <v>5</v>
      </c>
      <c r="N302" s="55" t="s">
        <v>82</v>
      </c>
      <c r="O302" s="55" t="s">
        <v>6</v>
      </c>
      <c r="P302" s="56" t="s">
        <v>7</v>
      </c>
      <c r="Q302" s="57" t="s">
        <v>8</v>
      </c>
      <c r="R302" s="56" t="s">
        <v>9</v>
      </c>
      <c r="S302" s="55" t="s">
        <v>10</v>
      </c>
      <c r="T302" s="55" t="s">
        <v>11</v>
      </c>
      <c r="U302" s="55" t="s">
        <v>12</v>
      </c>
      <c r="V302" s="58" t="s">
        <v>83</v>
      </c>
      <c r="W302" s="59" t="s">
        <v>13</v>
      </c>
    </row>
    <row r="303" spans="1:23" s="2" customFormat="1" ht="33.75" customHeight="1" x14ac:dyDescent="0.15">
      <c r="A303" s="37" t="s">
        <v>248</v>
      </c>
      <c r="B303" s="38"/>
      <c r="C303" s="69">
        <v>53.896103896103895</v>
      </c>
      <c r="D303" s="70">
        <v>56.521739130434781</v>
      </c>
      <c r="E303" s="63">
        <v>46.666666666666664</v>
      </c>
      <c r="F303" s="63">
        <v>54.285714285714285</v>
      </c>
      <c r="G303" s="15">
        <v>76.923076923076934</v>
      </c>
      <c r="H303" s="70">
        <v>100</v>
      </c>
      <c r="I303" s="63">
        <v>70</v>
      </c>
      <c r="J303" s="63">
        <v>55.000000000000007</v>
      </c>
      <c r="K303" s="63">
        <v>100</v>
      </c>
      <c r="L303" s="63">
        <v>57.142857142857139</v>
      </c>
      <c r="M303" s="63">
        <v>66.666666666666657</v>
      </c>
      <c r="N303" s="63">
        <v>66.666666666666657</v>
      </c>
      <c r="O303" s="63">
        <v>45.454545454545453</v>
      </c>
      <c r="P303" s="63">
        <v>0</v>
      </c>
      <c r="Q303" s="63">
        <v>66.666666666666657</v>
      </c>
      <c r="R303" s="63">
        <v>0</v>
      </c>
      <c r="S303" s="63">
        <v>0</v>
      </c>
      <c r="T303" s="61">
        <v>50</v>
      </c>
      <c r="U303" s="61">
        <v>56.36363636363636</v>
      </c>
      <c r="V303" s="61">
        <v>27.27272727272727</v>
      </c>
      <c r="W303" s="15">
        <v>46.153846153846153</v>
      </c>
    </row>
    <row r="304" spans="1:23" s="2" customFormat="1" ht="33.75" customHeight="1" x14ac:dyDescent="0.15">
      <c r="A304" s="39" t="s">
        <v>249</v>
      </c>
      <c r="B304" s="40"/>
      <c r="C304" s="71">
        <v>26.623376623376622</v>
      </c>
      <c r="D304" s="72">
        <v>23.913043478260871</v>
      </c>
      <c r="E304" s="18">
        <v>30</v>
      </c>
      <c r="F304" s="18">
        <v>28.571428571428569</v>
      </c>
      <c r="G304" s="25">
        <v>15.384615384615385</v>
      </c>
      <c r="H304" s="72">
        <v>0</v>
      </c>
      <c r="I304" s="18">
        <v>0</v>
      </c>
      <c r="J304" s="18">
        <v>25</v>
      </c>
      <c r="K304" s="18">
        <v>0</v>
      </c>
      <c r="L304" s="18">
        <v>42.857142857142854</v>
      </c>
      <c r="M304" s="18">
        <v>33.333333333333329</v>
      </c>
      <c r="N304" s="18">
        <v>33.333333333333329</v>
      </c>
      <c r="O304" s="18">
        <v>36.363636363636367</v>
      </c>
      <c r="P304" s="18">
        <v>0</v>
      </c>
      <c r="Q304" s="18">
        <v>16.666666666666664</v>
      </c>
      <c r="R304" s="18">
        <v>100</v>
      </c>
      <c r="S304" s="18">
        <v>0</v>
      </c>
      <c r="T304" s="73">
        <v>33.333333333333329</v>
      </c>
      <c r="U304" s="73">
        <v>27.27272727272727</v>
      </c>
      <c r="V304" s="73">
        <v>27.27272727272727</v>
      </c>
      <c r="W304" s="25">
        <v>23.076923076923077</v>
      </c>
    </row>
    <row r="305" spans="1:23" s="2" customFormat="1" ht="33.75" customHeight="1" x14ac:dyDescent="0.15">
      <c r="A305" s="39" t="s">
        <v>250</v>
      </c>
      <c r="B305" s="40"/>
      <c r="C305" s="71">
        <v>19.480519480519483</v>
      </c>
      <c r="D305" s="72">
        <v>19.565217391304348</v>
      </c>
      <c r="E305" s="18">
        <v>23.333333333333332</v>
      </c>
      <c r="F305" s="18">
        <v>17.142857142857142</v>
      </c>
      <c r="G305" s="25">
        <v>7.6923076923076925</v>
      </c>
      <c r="H305" s="72">
        <v>0</v>
      </c>
      <c r="I305" s="18">
        <v>30</v>
      </c>
      <c r="J305" s="18">
        <v>20</v>
      </c>
      <c r="K305" s="18">
        <v>0</v>
      </c>
      <c r="L305" s="18">
        <v>0</v>
      </c>
      <c r="M305" s="18">
        <v>0</v>
      </c>
      <c r="N305" s="18">
        <v>0</v>
      </c>
      <c r="O305" s="18">
        <v>18.181818181818183</v>
      </c>
      <c r="P305" s="18">
        <v>0</v>
      </c>
      <c r="Q305" s="18">
        <v>16.666666666666664</v>
      </c>
      <c r="R305" s="18">
        <v>0</v>
      </c>
      <c r="S305" s="18">
        <v>0</v>
      </c>
      <c r="T305" s="73">
        <v>16.666666666666664</v>
      </c>
      <c r="U305" s="73">
        <v>16.363636363636363</v>
      </c>
      <c r="V305" s="73">
        <v>45.454545454545453</v>
      </c>
      <c r="W305" s="25">
        <v>30.76923076923077</v>
      </c>
    </row>
    <row r="306" spans="1:23" s="2" customFormat="1" ht="33.75" customHeight="1" x14ac:dyDescent="0.15">
      <c r="A306" s="39" t="s">
        <v>251</v>
      </c>
      <c r="B306" s="40"/>
      <c r="C306" s="71">
        <v>5.333333333333333</v>
      </c>
      <c r="D306" s="72">
        <v>4.416666666666667</v>
      </c>
      <c r="E306" s="18">
        <v>6.9841269841269842</v>
      </c>
      <c r="F306" s="18">
        <v>4.3888888888888893</v>
      </c>
      <c r="G306" s="25">
        <v>3.6</v>
      </c>
      <c r="H306" s="72">
        <v>3</v>
      </c>
      <c r="I306" s="18">
        <v>6.3</v>
      </c>
      <c r="J306" s="18">
        <v>4.4285714285714288</v>
      </c>
      <c r="K306" s="18">
        <v>3</v>
      </c>
      <c r="L306" s="18">
        <v>4</v>
      </c>
      <c r="M306" s="18">
        <v>2.75</v>
      </c>
      <c r="N306" s="18">
        <v>2.25</v>
      </c>
      <c r="O306" s="18">
        <v>6.416666666666667</v>
      </c>
      <c r="P306" s="18">
        <v>0</v>
      </c>
      <c r="Q306" s="18">
        <v>4.5</v>
      </c>
      <c r="R306" s="18">
        <v>5</v>
      </c>
      <c r="S306" s="18">
        <v>0</v>
      </c>
      <c r="T306" s="73">
        <v>4.384615384615385</v>
      </c>
      <c r="U306" s="73">
        <v>6.3818181818181818</v>
      </c>
      <c r="V306" s="73">
        <v>6.416666666666667</v>
      </c>
      <c r="W306" s="25">
        <v>4</v>
      </c>
    </row>
    <row r="307" spans="1:23" s="2" customFormat="1" ht="33.75" customHeight="1" x14ac:dyDescent="0.15">
      <c r="A307" s="39" t="s">
        <v>252</v>
      </c>
      <c r="B307" s="40"/>
      <c r="C307" s="71">
        <v>13.49441157133465</v>
      </c>
      <c r="D307" s="72">
        <v>10.544217687074831</v>
      </c>
      <c r="E307" s="18">
        <v>11.702127659574469</v>
      </c>
      <c r="F307" s="18">
        <v>15.455594002306805</v>
      </c>
      <c r="G307" s="25">
        <v>14.460285132382891</v>
      </c>
      <c r="H307" s="72">
        <v>8.3333333333333321</v>
      </c>
      <c r="I307" s="18">
        <v>7.441860465116279</v>
      </c>
      <c r="J307" s="18">
        <v>4.4231918708906157</v>
      </c>
      <c r="K307" s="18">
        <v>3.296703296703297</v>
      </c>
      <c r="L307" s="18">
        <v>16.981132075471699</v>
      </c>
      <c r="M307" s="18">
        <v>1.9685039370078741</v>
      </c>
      <c r="N307" s="18">
        <v>3.3707865168539324</v>
      </c>
      <c r="O307" s="18">
        <v>21.259842519685041</v>
      </c>
      <c r="P307" s="18">
        <v>0</v>
      </c>
      <c r="Q307" s="18">
        <v>6.8965517241379306</v>
      </c>
      <c r="R307" s="18">
        <v>2.5641025641025639</v>
      </c>
      <c r="S307" s="18">
        <v>0</v>
      </c>
      <c r="T307" s="73">
        <v>14.367816091954023</v>
      </c>
      <c r="U307" s="73">
        <v>30.79625292740047</v>
      </c>
      <c r="V307" s="73">
        <v>17.948717948717949</v>
      </c>
      <c r="W307" s="25">
        <v>7.2687224669603516</v>
      </c>
    </row>
    <row r="308" spans="1:23" s="2" customFormat="1" ht="33.75" customHeight="1" x14ac:dyDescent="0.15">
      <c r="A308" s="128" t="s">
        <v>253</v>
      </c>
      <c r="B308" s="40"/>
      <c r="C308" s="121">
        <v>3685</v>
      </c>
      <c r="D308" s="129">
        <v>434</v>
      </c>
      <c r="E308" s="41">
        <v>1017</v>
      </c>
      <c r="F308" s="41">
        <v>1007</v>
      </c>
      <c r="G308" s="42">
        <v>1227</v>
      </c>
      <c r="H308" s="129">
        <v>12</v>
      </c>
      <c r="I308" s="41">
        <v>371</v>
      </c>
      <c r="J308" s="41">
        <v>1311</v>
      </c>
      <c r="K308" s="41">
        <v>172</v>
      </c>
      <c r="L308" s="41">
        <v>203</v>
      </c>
      <c r="M308" s="41">
        <v>214</v>
      </c>
      <c r="N308" s="41">
        <v>165</v>
      </c>
      <c r="O308" s="41">
        <v>57</v>
      </c>
      <c r="P308" s="41">
        <v>11</v>
      </c>
      <c r="Q308" s="41">
        <v>123</v>
      </c>
      <c r="R308" s="41">
        <v>48</v>
      </c>
      <c r="S308" s="41">
        <v>32</v>
      </c>
      <c r="T308" s="130">
        <v>125</v>
      </c>
      <c r="U308" s="130">
        <v>485</v>
      </c>
      <c r="V308" s="130">
        <v>65</v>
      </c>
      <c r="W308" s="42">
        <v>291</v>
      </c>
    </row>
    <row r="309" spans="1:23" s="2" customFormat="1" ht="33.75" customHeight="1" x14ac:dyDescent="0.15">
      <c r="A309" s="118"/>
      <c r="B309" s="40" t="s">
        <v>222</v>
      </c>
      <c r="C309" s="131">
        <v>5.0474898236092267</v>
      </c>
      <c r="D309" s="72">
        <v>2.9953917050691241</v>
      </c>
      <c r="E309" s="18">
        <v>5.4080629301868237</v>
      </c>
      <c r="F309" s="18">
        <v>8.4409136047666333</v>
      </c>
      <c r="G309" s="25">
        <v>2.6894865525672369</v>
      </c>
      <c r="H309" s="72">
        <v>8.3333333333333321</v>
      </c>
      <c r="I309" s="18">
        <v>4.0431266846361185</v>
      </c>
      <c r="J309" s="18">
        <v>2.0594965675057209</v>
      </c>
      <c r="K309" s="18">
        <v>1.1627906976744187</v>
      </c>
      <c r="L309" s="18">
        <v>11.330049261083744</v>
      </c>
      <c r="M309" s="18">
        <v>0.93457943925233633</v>
      </c>
      <c r="N309" s="18">
        <v>2.4242424242424243</v>
      </c>
      <c r="O309" s="18">
        <v>3.5087719298245612</v>
      </c>
      <c r="P309" s="18">
        <v>0</v>
      </c>
      <c r="Q309" s="18">
        <v>5.6910569105691051</v>
      </c>
      <c r="R309" s="18">
        <v>0</v>
      </c>
      <c r="S309" s="18">
        <v>0</v>
      </c>
      <c r="T309" s="73">
        <v>5.6000000000000005</v>
      </c>
      <c r="U309" s="73">
        <v>16.701030927835049</v>
      </c>
      <c r="V309" s="73">
        <v>5.1282051282051277</v>
      </c>
      <c r="W309" s="25">
        <v>1.9823788546255507</v>
      </c>
    </row>
    <row r="310" spans="1:23" s="2" customFormat="1" ht="33.75" customHeight="1" x14ac:dyDescent="0.15">
      <c r="A310" s="128" t="s">
        <v>254</v>
      </c>
      <c r="B310" s="24"/>
      <c r="C310" s="132">
        <v>2399</v>
      </c>
      <c r="D310" s="117">
        <v>448</v>
      </c>
      <c r="E310" s="35">
        <v>487</v>
      </c>
      <c r="F310" s="35">
        <v>727</v>
      </c>
      <c r="G310" s="36">
        <v>737</v>
      </c>
      <c r="H310" s="133">
        <v>0</v>
      </c>
      <c r="I310" s="134">
        <v>59</v>
      </c>
      <c r="J310" s="134">
        <v>362</v>
      </c>
      <c r="K310" s="134">
        <v>10</v>
      </c>
      <c r="L310" s="134">
        <v>62</v>
      </c>
      <c r="M310" s="134">
        <v>40</v>
      </c>
      <c r="N310" s="134">
        <v>191</v>
      </c>
      <c r="O310" s="134">
        <v>70</v>
      </c>
      <c r="P310" s="134">
        <v>12</v>
      </c>
      <c r="Q310" s="134">
        <v>51</v>
      </c>
      <c r="R310" s="134">
        <v>30</v>
      </c>
      <c r="S310" s="134">
        <v>25</v>
      </c>
      <c r="T310" s="135">
        <v>49</v>
      </c>
      <c r="U310" s="135">
        <v>1223</v>
      </c>
      <c r="V310" s="135">
        <v>52</v>
      </c>
      <c r="W310" s="124">
        <v>163</v>
      </c>
    </row>
    <row r="311" spans="1:23" s="2" customFormat="1" ht="33.75" customHeight="1" x14ac:dyDescent="0.15">
      <c r="A311" s="118"/>
      <c r="B311" s="24" t="s">
        <v>224</v>
      </c>
      <c r="C311" s="136">
        <v>26.469362234264278</v>
      </c>
      <c r="D311" s="89">
        <v>17.857142857142858</v>
      </c>
      <c r="E311" s="26">
        <v>24.845995893223819</v>
      </c>
      <c r="F311" s="26">
        <v>25.17193947730399</v>
      </c>
      <c r="G311" s="27">
        <v>34.056987788331071</v>
      </c>
      <c r="H311" s="89">
        <v>0</v>
      </c>
      <c r="I311" s="26">
        <v>28.8135593220339</v>
      </c>
      <c r="J311" s="26">
        <v>12.983425414364641</v>
      </c>
      <c r="K311" s="26">
        <v>40</v>
      </c>
      <c r="L311" s="26">
        <v>35.483870967741936</v>
      </c>
      <c r="M311" s="26">
        <v>7.5</v>
      </c>
      <c r="N311" s="26">
        <v>4.1884816753926701</v>
      </c>
      <c r="O311" s="26">
        <v>35.714285714285715</v>
      </c>
      <c r="P311" s="26">
        <v>0</v>
      </c>
      <c r="Q311" s="26">
        <v>9.8039215686274517</v>
      </c>
      <c r="R311" s="26">
        <v>6.666666666666667</v>
      </c>
      <c r="S311" s="26">
        <v>0</v>
      </c>
      <c r="T311" s="91">
        <v>36.734693877551024</v>
      </c>
      <c r="U311" s="91">
        <v>36.385936222403927</v>
      </c>
      <c r="V311" s="91">
        <v>28.846153846153843</v>
      </c>
      <c r="W311" s="25">
        <v>14.723926380368098</v>
      </c>
    </row>
    <row r="312" spans="1:23" s="2" customFormat="1" ht="33.75" customHeight="1" thickBot="1" x14ac:dyDescent="0.2">
      <c r="A312" s="120" t="s">
        <v>225</v>
      </c>
      <c r="B312" s="137"/>
      <c r="C312" s="76">
        <v>22.655298416565163</v>
      </c>
      <c r="D312" s="77">
        <v>13.978494623655912</v>
      </c>
      <c r="E312" s="29">
        <v>31.25</v>
      </c>
      <c r="F312" s="29">
        <v>31.716417910447763</v>
      </c>
      <c r="G312" s="30">
        <v>11.619718309859154</v>
      </c>
      <c r="H312" s="66">
        <v>100</v>
      </c>
      <c r="I312" s="29">
        <v>46.875</v>
      </c>
      <c r="J312" s="29">
        <v>36.486486486486484</v>
      </c>
      <c r="K312" s="29">
        <v>33.333333333333329</v>
      </c>
      <c r="L312" s="29">
        <v>51.111111111111107</v>
      </c>
      <c r="M312" s="29">
        <v>40</v>
      </c>
      <c r="N312" s="29">
        <v>33.333333333333329</v>
      </c>
      <c r="O312" s="29">
        <v>7.4074074074074066</v>
      </c>
      <c r="P312" s="29">
        <v>0</v>
      </c>
      <c r="Q312" s="29">
        <v>58.333333333333336</v>
      </c>
      <c r="R312" s="29">
        <v>0</v>
      </c>
      <c r="S312" s="29">
        <v>0</v>
      </c>
      <c r="T312" s="65">
        <v>28.000000000000004</v>
      </c>
      <c r="U312" s="65">
        <v>15.399239543726237</v>
      </c>
      <c r="V312" s="65">
        <v>28.571428571428569</v>
      </c>
      <c r="W312" s="30">
        <v>27.27272727272727</v>
      </c>
    </row>
    <row r="313" spans="1:23" s="2" customFormat="1" x14ac:dyDescent="0.15">
      <c r="A313" s="2" t="s">
        <v>255</v>
      </c>
    </row>
    <row r="314" spans="1:23" s="2" customFormat="1" hidden="1" x14ac:dyDescent="0.15"/>
    <row r="315" spans="1:23" s="2" customFormat="1" hidden="1" x14ac:dyDescent="0.15"/>
    <row r="316" spans="1:23" s="2" customFormat="1" x14ac:dyDescent="0.15">
      <c r="A316" s="2" t="s">
        <v>256</v>
      </c>
      <c r="F316" s="2" t="s">
        <v>443</v>
      </c>
    </row>
    <row r="317" spans="1:23" s="2" customFormat="1" ht="14.25" thickBot="1" x14ac:dyDescent="0.2">
      <c r="V317" s="1"/>
      <c r="W317" s="1" t="s">
        <v>75</v>
      </c>
    </row>
    <row r="318" spans="1:23" s="2" customFormat="1" x14ac:dyDescent="0.15">
      <c r="A318" s="4"/>
      <c r="B318" s="5" t="s">
        <v>76</v>
      </c>
      <c r="C318" s="67"/>
      <c r="D318" s="37" t="s">
        <v>15</v>
      </c>
      <c r="E318" s="38"/>
      <c r="F318" s="38"/>
      <c r="G318" s="48"/>
      <c r="H318" s="37" t="s">
        <v>20</v>
      </c>
      <c r="I318" s="38"/>
      <c r="J318" s="38"/>
      <c r="K318" s="38"/>
      <c r="L318" s="38"/>
      <c r="M318" s="38"/>
      <c r="N318" s="38"/>
      <c r="O318" s="38"/>
      <c r="P318" s="38"/>
      <c r="Q318" s="38"/>
      <c r="R318" s="38"/>
      <c r="S318" s="38"/>
      <c r="T318" s="38"/>
      <c r="U318" s="38"/>
      <c r="V318" s="38"/>
      <c r="W318" s="48"/>
    </row>
    <row r="319" spans="1:23" s="2" customFormat="1" ht="54.75" thickBot="1" x14ac:dyDescent="0.2">
      <c r="A319" s="13" t="s">
        <v>87</v>
      </c>
      <c r="C319" s="68" t="s">
        <v>19</v>
      </c>
      <c r="D319" s="50" t="s">
        <v>174</v>
      </c>
      <c r="E319" s="51" t="s">
        <v>151</v>
      </c>
      <c r="F319" s="51" t="s">
        <v>128</v>
      </c>
      <c r="G319" s="52" t="s">
        <v>1</v>
      </c>
      <c r="H319" s="53" t="s">
        <v>2</v>
      </c>
      <c r="I319" s="11" t="s">
        <v>89</v>
      </c>
      <c r="J319" s="11" t="s">
        <v>129</v>
      </c>
      <c r="K319" s="54" t="s">
        <v>91</v>
      </c>
      <c r="L319" s="55" t="s">
        <v>4</v>
      </c>
      <c r="M319" s="56" t="s">
        <v>5</v>
      </c>
      <c r="N319" s="55" t="s">
        <v>82</v>
      </c>
      <c r="O319" s="55" t="s">
        <v>6</v>
      </c>
      <c r="P319" s="56" t="s">
        <v>7</v>
      </c>
      <c r="Q319" s="57" t="s">
        <v>8</v>
      </c>
      <c r="R319" s="56" t="s">
        <v>9</v>
      </c>
      <c r="S319" s="55" t="s">
        <v>10</v>
      </c>
      <c r="T319" s="55" t="s">
        <v>11</v>
      </c>
      <c r="U319" s="55" t="s">
        <v>12</v>
      </c>
      <c r="V319" s="58" t="s">
        <v>83</v>
      </c>
      <c r="W319" s="59" t="s">
        <v>13</v>
      </c>
    </row>
    <row r="320" spans="1:23" s="2" customFormat="1" ht="32.25" customHeight="1" x14ac:dyDescent="0.15">
      <c r="A320" s="37" t="s">
        <v>257</v>
      </c>
      <c r="B320" s="38"/>
      <c r="C320" s="60">
        <v>60.763888888888886</v>
      </c>
      <c r="D320" s="70">
        <v>47.543352601156066</v>
      </c>
      <c r="E320" s="63">
        <v>77.083333333333343</v>
      </c>
      <c r="F320" s="63">
        <v>88.659793814432987</v>
      </c>
      <c r="G320" s="15">
        <v>96.296296296296291</v>
      </c>
      <c r="H320" s="70">
        <v>45.454545454545453</v>
      </c>
      <c r="I320" s="63">
        <v>59.821428571428569</v>
      </c>
      <c r="J320" s="63">
        <v>62.676056338028175</v>
      </c>
      <c r="K320" s="63">
        <v>93.333333333333329</v>
      </c>
      <c r="L320" s="63">
        <v>54.794520547945204</v>
      </c>
      <c r="M320" s="63">
        <v>54.166666666666664</v>
      </c>
      <c r="N320" s="63">
        <v>60.465116279069761</v>
      </c>
      <c r="O320" s="63">
        <v>60</v>
      </c>
      <c r="P320" s="63">
        <v>25</v>
      </c>
      <c r="Q320" s="63">
        <v>66.17647058823529</v>
      </c>
      <c r="R320" s="63">
        <v>47.272727272727273</v>
      </c>
      <c r="S320" s="63">
        <v>52.941176470588239</v>
      </c>
      <c r="T320" s="61">
        <v>68.181818181818173</v>
      </c>
      <c r="U320" s="61">
        <v>75.72254335260115</v>
      </c>
      <c r="V320" s="61">
        <v>72.41379310344827</v>
      </c>
      <c r="W320" s="15">
        <v>53.174603174603178</v>
      </c>
    </row>
    <row r="321" spans="1:23" s="2" customFormat="1" ht="32.25" customHeight="1" x14ac:dyDescent="0.15">
      <c r="A321" s="39" t="s">
        <v>258</v>
      </c>
      <c r="B321" s="40"/>
      <c r="C321" s="103">
        <v>39.236111111111107</v>
      </c>
      <c r="D321" s="72">
        <v>52.456647398843927</v>
      </c>
      <c r="E321" s="18">
        <v>22.916666666666664</v>
      </c>
      <c r="F321" s="18">
        <v>11.340206185567011</v>
      </c>
      <c r="G321" s="25">
        <v>3.7037037037037033</v>
      </c>
      <c r="H321" s="72">
        <v>54.54545454545454</v>
      </c>
      <c r="I321" s="18">
        <v>40.178571428571431</v>
      </c>
      <c r="J321" s="18">
        <v>37.323943661971832</v>
      </c>
      <c r="K321" s="18">
        <v>6.666666666666667</v>
      </c>
      <c r="L321" s="18">
        <v>45.205479452054789</v>
      </c>
      <c r="M321" s="18">
        <v>45.833333333333329</v>
      </c>
      <c r="N321" s="18">
        <v>39.534883720930232</v>
      </c>
      <c r="O321" s="18">
        <v>40</v>
      </c>
      <c r="P321" s="18">
        <v>75</v>
      </c>
      <c r="Q321" s="18">
        <v>33.82352941176471</v>
      </c>
      <c r="R321" s="18">
        <v>52.72727272727272</v>
      </c>
      <c r="S321" s="18">
        <v>47.058823529411761</v>
      </c>
      <c r="T321" s="73">
        <v>31.818181818181817</v>
      </c>
      <c r="U321" s="73">
        <v>24.277456647398843</v>
      </c>
      <c r="V321" s="73">
        <v>27.586206896551722</v>
      </c>
      <c r="W321" s="25">
        <v>46.825396825396822</v>
      </c>
    </row>
    <row r="322" spans="1:23" s="2" customFormat="1" ht="32.25" customHeight="1" x14ac:dyDescent="0.15">
      <c r="A322" s="21" t="s">
        <v>460</v>
      </c>
      <c r="B322" s="40"/>
      <c r="C322" s="103">
        <v>55.516637478108578</v>
      </c>
      <c r="D322" s="72">
        <v>48.816568047337277</v>
      </c>
      <c r="E322" s="18">
        <v>62.130177514792898</v>
      </c>
      <c r="F322" s="18">
        <v>69.306930693069305</v>
      </c>
      <c r="G322" s="25">
        <v>88.888888888888886</v>
      </c>
      <c r="H322" s="72">
        <v>33.333333333333329</v>
      </c>
      <c r="I322" s="18">
        <v>48.648648648648653</v>
      </c>
      <c r="J322" s="18">
        <v>50</v>
      </c>
      <c r="K322" s="18">
        <v>78.94736842105263</v>
      </c>
      <c r="L322" s="18">
        <v>66.197183098591552</v>
      </c>
      <c r="M322" s="18">
        <v>54.639175257731956</v>
      </c>
      <c r="N322" s="18">
        <v>61.176470588235297</v>
      </c>
      <c r="O322" s="18">
        <v>64.406779661016941</v>
      </c>
      <c r="P322" s="18">
        <v>50</v>
      </c>
      <c r="Q322" s="18">
        <v>53.846153846153847</v>
      </c>
      <c r="R322" s="18">
        <v>41.818181818181813</v>
      </c>
      <c r="S322" s="18">
        <v>48.484848484848484</v>
      </c>
      <c r="T322" s="73">
        <v>68</v>
      </c>
      <c r="U322" s="73">
        <v>55.367231638418076</v>
      </c>
      <c r="V322" s="73">
        <v>67.857142857142861</v>
      </c>
      <c r="W322" s="25">
        <v>54.471544715447152</v>
      </c>
    </row>
    <row r="323" spans="1:23" s="2" customFormat="1" ht="32.25" customHeight="1" x14ac:dyDescent="0.15">
      <c r="A323" s="93"/>
      <c r="B323" s="40" t="s">
        <v>242</v>
      </c>
      <c r="C323" s="103">
        <v>20.136518771331058</v>
      </c>
      <c r="D323" s="72">
        <v>17.069243156199679</v>
      </c>
      <c r="E323" s="18">
        <v>12.17877094972067</v>
      </c>
      <c r="F323" s="18">
        <v>14.508276533592991</v>
      </c>
      <c r="G323" s="25">
        <v>31.832543443917849</v>
      </c>
      <c r="H323" s="72">
        <v>0</v>
      </c>
      <c r="I323" s="18">
        <v>6.0498220640569391</v>
      </c>
      <c r="J323" s="18">
        <v>14.61794019933555</v>
      </c>
      <c r="K323" s="18">
        <v>4.918032786885246</v>
      </c>
      <c r="L323" s="18">
        <v>31.410256410256409</v>
      </c>
      <c r="M323" s="18">
        <v>6.7669172932330826</v>
      </c>
      <c r="N323" s="18">
        <v>9.67741935483871</v>
      </c>
      <c r="O323" s="18">
        <v>12.658227848101266</v>
      </c>
      <c r="P323" s="18">
        <v>22.222222222222221</v>
      </c>
      <c r="Q323" s="18">
        <v>13.761467889908257</v>
      </c>
      <c r="R323" s="18">
        <v>15.217391304347828</v>
      </c>
      <c r="S323" s="18">
        <v>7.8947368421052628</v>
      </c>
      <c r="T323" s="73">
        <v>9.4827586206896548</v>
      </c>
      <c r="U323" s="73">
        <v>38.862559241706165</v>
      </c>
      <c r="V323" s="73">
        <v>14.864864864864865</v>
      </c>
      <c r="W323" s="25">
        <v>10.309278350515463</v>
      </c>
    </row>
    <row r="324" spans="1:23" s="2" customFormat="1" ht="32.25" customHeight="1" x14ac:dyDescent="0.15">
      <c r="A324" s="118"/>
      <c r="B324" s="40" t="s">
        <v>243</v>
      </c>
      <c r="C324" s="103">
        <v>79.863481228668945</v>
      </c>
      <c r="D324" s="72">
        <v>82.930756843800324</v>
      </c>
      <c r="E324" s="18">
        <v>87.821229050279328</v>
      </c>
      <c r="F324" s="18">
        <v>85.491723466407009</v>
      </c>
      <c r="G324" s="25">
        <v>68.167456556082158</v>
      </c>
      <c r="H324" s="72">
        <v>100</v>
      </c>
      <c r="I324" s="18">
        <v>93.95017793594306</v>
      </c>
      <c r="J324" s="18">
        <v>85.38205980066445</v>
      </c>
      <c r="K324" s="18">
        <v>95.081967213114751</v>
      </c>
      <c r="L324" s="18">
        <v>68.589743589743591</v>
      </c>
      <c r="M324" s="18">
        <v>93.233082706766922</v>
      </c>
      <c r="N324" s="18">
        <v>90.322580645161295</v>
      </c>
      <c r="O324" s="18">
        <v>87.341772151898738</v>
      </c>
      <c r="P324" s="18">
        <v>77.777777777777771</v>
      </c>
      <c r="Q324" s="18">
        <v>86.238532110091739</v>
      </c>
      <c r="R324" s="18">
        <v>84.782608695652172</v>
      </c>
      <c r="S324" s="18">
        <v>92.10526315789474</v>
      </c>
      <c r="T324" s="73">
        <v>90.517241379310349</v>
      </c>
      <c r="U324" s="73">
        <v>61.137440758293835</v>
      </c>
      <c r="V324" s="73">
        <v>85.13513513513513</v>
      </c>
      <c r="W324" s="25">
        <v>89.690721649484544</v>
      </c>
    </row>
    <row r="325" spans="1:23" s="2" customFormat="1" ht="32.25" customHeight="1" thickBot="1" x14ac:dyDescent="0.2">
      <c r="A325" s="46" t="s">
        <v>461</v>
      </c>
      <c r="B325" s="47"/>
      <c r="C325" s="64">
        <v>44.483362521891415</v>
      </c>
      <c r="D325" s="77">
        <v>51.183431952662716</v>
      </c>
      <c r="E325" s="29">
        <v>37.869822485207102</v>
      </c>
      <c r="F325" s="29">
        <v>30.693069306930692</v>
      </c>
      <c r="G325" s="30">
        <v>11.111111111111111</v>
      </c>
      <c r="H325" s="77">
        <v>66.666666666666657</v>
      </c>
      <c r="I325" s="29">
        <v>51.351351351351347</v>
      </c>
      <c r="J325" s="29">
        <v>50</v>
      </c>
      <c r="K325" s="29">
        <v>21.052631578947366</v>
      </c>
      <c r="L325" s="29">
        <v>33.802816901408448</v>
      </c>
      <c r="M325" s="29">
        <v>45.360824742268044</v>
      </c>
      <c r="N325" s="29">
        <v>38.82352941176471</v>
      </c>
      <c r="O325" s="29">
        <v>35.593220338983052</v>
      </c>
      <c r="P325" s="29">
        <v>50</v>
      </c>
      <c r="Q325" s="29">
        <v>46.153846153846153</v>
      </c>
      <c r="R325" s="29">
        <v>58.18181818181818</v>
      </c>
      <c r="S325" s="29">
        <v>51.515151515151516</v>
      </c>
      <c r="T325" s="65">
        <v>32</v>
      </c>
      <c r="U325" s="65">
        <v>44.632768361581924</v>
      </c>
      <c r="V325" s="65">
        <v>32.142857142857146</v>
      </c>
      <c r="W325" s="30">
        <v>45.528455284552841</v>
      </c>
    </row>
    <row r="326" spans="1:23" s="2" customFormat="1" x14ac:dyDescent="0.15"/>
    <row r="327" spans="1:23" s="2" customFormat="1" x14ac:dyDescent="0.15"/>
    <row r="328" spans="1:23" s="2" customFormat="1" x14ac:dyDescent="0.15">
      <c r="A328" s="2" t="s">
        <v>259</v>
      </c>
      <c r="G328" s="2" t="s">
        <v>444</v>
      </c>
    </row>
    <row r="329" spans="1:23" s="2" customFormat="1" ht="14.25" thickBot="1" x14ac:dyDescent="0.2">
      <c r="V329" s="1"/>
      <c r="W329" s="1" t="s">
        <v>75</v>
      </c>
    </row>
    <row r="330" spans="1:23" s="2" customFormat="1" x14ac:dyDescent="0.15">
      <c r="A330" s="4"/>
      <c r="B330" s="5" t="s">
        <v>76</v>
      </c>
      <c r="C330" s="67"/>
      <c r="D330" s="37" t="s">
        <v>15</v>
      </c>
      <c r="E330" s="38"/>
      <c r="F330" s="38"/>
      <c r="G330" s="48"/>
      <c r="H330" s="37" t="s">
        <v>20</v>
      </c>
      <c r="I330" s="38"/>
      <c r="J330" s="38"/>
      <c r="K330" s="38"/>
      <c r="L330" s="38"/>
      <c r="M330" s="38"/>
      <c r="N330" s="38"/>
      <c r="O330" s="38"/>
      <c r="P330" s="38"/>
      <c r="Q330" s="38"/>
      <c r="R330" s="38"/>
      <c r="S330" s="38"/>
      <c r="T330" s="38"/>
      <c r="U330" s="38"/>
      <c r="V330" s="38"/>
      <c r="W330" s="48"/>
    </row>
    <row r="331" spans="1:23" s="2" customFormat="1" ht="54.75" thickBot="1" x14ac:dyDescent="0.2">
      <c r="A331" s="13" t="s">
        <v>87</v>
      </c>
      <c r="C331" s="68" t="s">
        <v>19</v>
      </c>
      <c r="D331" s="50" t="s">
        <v>260</v>
      </c>
      <c r="E331" s="51" t="s">
        <v>181</v>
      </c>
      <c r="F331" s="51" t="s">
        <v>109</v>
      </c>
      <c r="G331" s="52" t="s">
        <v>1</v>
      </c>
      <c r="H331" s="53" t="s">
        <v>2</v>
      </c>
      <c r="I331" s="11" t="s">
        <v>89</v>
      </c>
      <c r="J331" s="11" t="s">
        <v>129</v>
      </c>
      <c r="K331" s="54" t="s">
        <v>261</v>
      </c>
      <c r="L331" s="55" t="s">
        <v>4</v>
      </c>
      <c r="M331" s="56" t="s">
        <v>5</v>
      </c>
      <c r="N331" s="55" t="s">
        <v>82</v>
      </c>
      <c r="O331" s="55" t="s">
        <v>6</v>
      </c>
      <c r="P331" s="56" t="s">
        <v>7</v>
      </c>
      <c r="Q331" s="57" t="s">
        <v>8</v>
      </c>
      <c r="R331" s="56" t="s">
        <v>9</v>
      </c>
      <c r="S331" s="55" t="s">
        <v>10</v>
      </c>
      <c r="T331" s="55" t="s">
        <v>11</v>
      </c>
      <c r="U331" s="55" t="s">
        <v>12</v>
      </c>
      <c r="V331" s="58" t="s">
        <v>83</v>
      </c>
      <c r="W331" s="59" t="s">
        <v>13</v>
      </c>
    </row>
    <row r="332" spans="1:23" s="2" customFormat="1" ht="32.25" customHeight="1" x14ac:dyDescent="0.15">
      <c r="A332" s="4" t="s">
        <v>262</v>
      </c>
      <c r="B332" s="33"/>
      <c r="C332" s="98">
        <v>55.516637478108578</v>
      </c>
      <c r="D332" s="99">
        <v>48.816568047337277</v>
      </c>
      <c r="E332" s="100">
        <v>62.130177514792898</v>
      </c>
      <c r="F332" s="100">
        <v>69.306930693069305</v>
      </c>
      <c r="G332" s="101">
        <v>88.888888888888886</v>
      </c>
      <c r="H332" s="99">
        <v>33.333333333333329</v>
      </c>
      <c r="I332" s="100">
        <v>48.648648648648653</v>
      </c>
      <c r="J332" s="100">
        <v>50</v>
      </c>
      <c r="K332" s="100">
        <v>78.94736842105263</v>
      </c>
      <c r="L332" s="100">
        <v>66.197183098591552</v>
      </c>
      <c r="M332" s="100">
        <v>54.639175257731956</v>
      </c>
      <c r="N332" s="100">
        <v>61.176470588235297</v>
      </c>
      <c r="O332" s="100">
        <v>64.406779661016941</v>
      </c>
      <c r="P332" s="100">
        <v>50</v>
      </c>
      <c r="Q332" s="100">
        <v>53.846153846153847</v>
      </c>
      <c r="R332" s="100">
        <v>41.818181818181813</v>
      </c>
      <c r="S332" s="100">
        <v>48.484848484848484</v>
      </c>
      <c r="T332" s="102">
        <v>68</v>
      </c>
      <c r="U332" s="102">
        <v>55.367231638418076</v>
      </c>
      <c r="V332" s="102">
        <v>67.857142857142861</v>
      </c>
      <c r="W332" s="15">
        <v>54.471544715447152</v>
      </c>
    </row>
    <row r="333" spans="1:23" s="2" customFormat="1" ht="32.25" customHeight="1" x14ac:dyDescent="0.15">
      <c r="A333" s="13"/>
      <c r="B333" s="87" t="s">
        <v>263</v>
      </c>
      <c r="C333" s="103">
        <v>59.621451104100942</v>
      </c>
      <c r="D333" s="72">
        <v>56.969696969696969</v>
      </c>
      <c r="E333" s="18">
        <v>60.476190476190474</v>
      </c>
      <c r="F333" s="18">
        <v>71.428571428571431</v>
      </c>
      <c r="G333" s="25">
        <v>54.166666666666664</v>
      </c>
      <c r="H333" s="72">
        <v>66.666666666666657</v>
      </c>
      <c r="I333" s="18">
        <v>64.81481481481481</v>
      </c>
      <c r="J333" s="18">
        <v>67.64705882352942</v>
      </c>
      <c r="K333" s="18">
        <v>93.333333333333329</v>
      </c>
      <c r="L333" s="18">
        <v>53.191489361702125</v>
      </c>
      <c r="M333" s="18">
        <v>60.377358490566039</v>
      </c>
      <c r="N333" s="18">
        <v>69.230769230769226</v>
      </c>
      <c r="O333" s="18">
        <v>71.05263157894737</v>
      </c>
      <c r="P333" s="18">
        <v>33.333333333333329</v>
      </c>
      <c r="Q333" s="18">
        <v>42.857142857142854</v>
      </c>
      <c r="R333" s="18">
        <v>56.521739130434781</v>
      </c>
      <c r="S333" s="18">
        <v>75</v>
      </c>
      <c r="T333" s="73">
        <v>61.764705882352942</v>
      </c>
      <c r="U333" s="73">
        <v>48.979591836734691</v>
      </c>
      <c r="V333" s="73">
        <v>52.631578947368418</v>
      </c>
      <c r="W333" s="25">
        <v>56.71641791044776</v>
      </c>
    </row>
    <row r="334" spans="1:23" s="2" customFormat="1" ht="32.25" customHeight="1" x14ac:dyDescent="0.15">
      <c r="A334" s="13"/>
      <c r="B334" s="87" t="s">
        <v>264</v>
      </c>
      <c r="C334" s="103">
        <v>8.2018927444794958</v>
      </c>
      <c r="D334" s="72">
        <v>8.4848484848484862</v>
      </c>
      <c r="E334" s="18">
        <v>7.6190476190476195</v>
      </c>
      <c r="F334" s="18">
        <v>8.5714285714285712</v>
      </c>
      <c r="G334" s="25">
        <v>8.3333333333333321</v>
      </c>
      <c r="H334" s="72">
        <v>33.333333333333329</v>
      </c>
      <c r="I334" s="18">
        <v>11.111111111111111</v>
      </c>
      <c r="J334" s="18">
        <v>14.705882352941178</v>
      </c>
      <c r="K334" s="18">
        <v>0</v>
      </c>
      <c r="L334" s="18">
        <v>12.76595744680851</v>
      </c>
      <c r="M334" s="18">
        <v>9.433962264150944</v>
      </c>
      <c r="N334" s="18">
        <v>15.384615384615385</v>
      </c>
      <c r="O334" s="18">
        <v>2.6315789473684208</v>
      </c>
      <c r="P334" s="18">
        <v>25</v>
      </c>
      <c r="Q334" s="18">
        <v>8.5714285714285712</v>
      </c>
      <c r="R334" s="18">
        <v>0</v>
      </c>
      <c r="S334" s="18">
        <v>6.25</v>
      </c>
      <c r="T334" s="73">
        <v>2.9411764705882351</v>
      </c>
      <c r="U334" s="73">
        <v>2.0408163265306123</v>
      </c>
      <c r="V334" s="73">
        <v>10.526315789473683</v>
      </c>
      <c r="W334" s="25">
        <v>4.4776119402985071</v>
      </c>
    </row>
    <row r="335" spans="1:23" s="2" customFormat="1" ht="32.25" customHeight="1" x14ac:dyDescent="0.15">
      <c r="A335" s="13"/>
      <c r="B335" s="87" t="s">
        <v>265</v>
      </c>
      <c r="C335" s="103">
        <v>34.858044164037857</v>
      </c>
      <c r="D335" s="72">
        <v>32.727272727272727</v>
      </c>
      <c r="E335" s="18">
        <v>38.095238095238095</v>
      </c>
      <c r="F335" s="18">
        <v>37.142857142857146</v>
      </c>
      <c r="G335" s="25">
        <v>29.166666666666668</v>
      </c>
      <c r="H335" s="72">
        <v>0</v>
      </c>
      <c r="I335" s="18">
        <v>18.518518518518519</v>
      </c>
      <c r="J335" s="18">
        <v>38.235294117647058</v>
      </c>
      <c r="K335" s="18">
        <v>0</v>
      </c>
      <c r="L335" s="18">
        <v>36.170212765957451</v>
      </c>
      <c r="M335" s="18">
        <v>49.056603773584904</v>
      </c>
      <c r="N335" s="18">
        <v>26.923076923076923</v>
      </c>
      <c r="O335" s="18">
        <v>23.684210526315788</v>
      </c>
      <c r="P335" s="18">
        <v>50</v>
      </c>
      <c r="Q335" s="18">
        <v>28.571428571428569</v>
      </c>
      <c r="R335" s="18">
        <v>69.565217391304344</v>
      </c>
      <c r="S335" s="18">
        <v>31.25</v>
      </c>
      <c r="T335" s="73">
        <v>44.117647058823529</v>
      </c>
      <c r="U335" s="73">
        <v>38.775510204081634</v>
      </c>
      <c r="V335" s="73">
        <v>42.105263157894733</v>
      </c>
      <c r="W335" s="25">
        <v>31.343283582089555</v>
      </c>
    </row>
    <row r="336" spans="1:23" s="2" customFormat="1" ht="32.25" customHeight="1" x14ac:dyDescent="0.15">
      <c r="A336" s="13"/>
      <c r="B336" s="87" t="s">
        <v>266</v>
      </c>
      <c r="C336" s="103">
        <v>3.1545741324921135</v>
      </c>
      <c r="D336" s="72">
        <v>1.2121212121212122</v>
      </c>
      <c r="E336" s="18">
        <v>0.47619047619047622</v>
      </c>
      <c r="F336" s="18">
        <v>10</v>
      </c>
      <c r="G336" s="25">
        <v>33.333333333333329</v>
      </c>
      <c r="H336" s="72">
        <v>0</v>
      </c>
      <c r="I336" s="18">
        <v>0</v>
      </c>
      <c r="J336" s="18">
        <v>0</v>
      </c>
      <c r="K336" s="18">
        <v>0</v>
      </c>
      <c r="L336" s="18">
        <v>0</v>
      </c>
      <c r="M336" s="18">
        <v>0</v>
      </c>
      <c r="N336" s="18">
        <v>0</v>
      </c>
      <c r="O336" s="18">
        <v>2.6315789473684208</v>
      </c>
      <c r="P336" s="18">
        <v>0</v>
      </c>
      <c r="Q336" s="18">
        <v>0</v>
      </c>
      <c r="R336" s="18">
        <v>0</v>
      </c>
      <c r="S336" s="18">
        <v>0</v>
      </c>
      <c r="T336" s="73">
        <v>5.8823529411764701</v>
      </c>
      <c r="U336" s="73">
        <v>17.346938775510203</v>
      </c>
      <c r="V336" s="73">
        <v>0</v>
      </c>
      <c r="W336" s="25">
        <v>0</v>
      </c>
    </row>
    <row r="337" spans="1:23" s="2" customFormat="1" ht="32.25" customHeight="1" x14ac:dyDescent="0.15">
      <c r="A337" s="13"/>
      <c r="B337" s="87" t="s">
        <v>267</v>
      </c>
      <c r="C337" s="103">
        <v>42.744479495268138</v>
      </c>
      <c r="D337" s="72">
        <v>42.121212121212118</v>
      </c>
      <c r="E337" s="18">
        <v>39.523809523809526</v>
      </c>
      <c r="F337" s="18">
        <v>51.428571428571423</v>
      </c>
      <c r="G337" s="25">
        <v>54.166666666666664</v>
      </c>
      <c r="H337" s="72">
        <v>0</v>
      </c>
      <c r="I337" s="18">
        <v>42.592592592592595</v>
      </c>
      <c r="J337" s="18">
        <v>41.17647058823529</v>
      </c>
      <c r="K337" s="18">
        <v>86.666666666666671</v>
      </c>
      <c r="L337" s="18">
        <v>36.170212765957451</v>
      </c>
      <c r="M337" s="18">
        <v>33.962264150943398</v>
      </c>
      <c r="N337" s="18">
        <v>44.230769230769226</v>
      </c>
      <c r="O337" s="18">
        <v>65.789473684210535</v>
      </c>
      <c r="P337" s="18">
        <v>25</v>
      </c>
      <c r="Q337" s="18">
        <v>40</v>
      </c>
      <c r="R337" s="18">
        <v>30.434782608695656</v>
      </c>
      <c r="S337" s="18">
        <v>12.5</v>
      </c>
      <c r="T337" s="73">
        <v>55.882352941176471</v>
      </c>
      <c r="U337" s="73">
        <v>37.755102040816325</v>
      </c>
      <c r="V337" s="73">
        <v>57.894736842105267</v>
      </c>
      <c r="W337" s="25">
        <v>46.268656716417908</v>
      </c>
    </row>
    <row r="338" spans="1:23" s="2" customFormat="1" ht="32.25" customHeight="1" x14ac:dyDescent="0.15">
      <c r="A338" s="13"/>
      <c r="B338" s="23" t="s">
        <v>170</v>
      </c>
      <c r="C338" s="103">
        <v>2.2082018927444795</v>
      </c>
      <c r="D338" s="72">
        <v>3.3333333333333335</v>
      </c>
      <c r="E338" s="18">
        <v>0.95238095238095244</v>
      </c>
      <c r="F338" s="18">
        <v>1.4285714285714286</v>
      </c>
      <c r="G338" s="25">
        <v>0</v>
      </c>
      <c r="H338" s="72">
        <v>0</v>
      </c>
      <c r="I338" s="18">
        <v>3.7037037037037033</v>
      </c>
      <c r="J338" s="18">
        <v>0</v>
      </c>
      <c r="K338" s="18">
        <v>0</v>
      </c>
      <c r="L338" s="18">
        <v>12.76595744680851</v>
      </c>
      <c r="M338" s="18">
        <v>1.8867924528301887</v>
      </c>
      <c r="N338" s="18">
        <v>0</v>
      </c>
      <c r="O338" s="18">
        <v>0</v>
      </c>
      <c r="P338" s="18">
        <v>0</v>
      </c>
      <c r="Q338" s="18">
        <v>2.8571428571428572</v>
      </c>
      <c r="R338" s="18">
        <v>0</v>
      </c>
      <c r="S338" s="18">
        <v>0</v>
      </c>
      <c r="T338" s="73">
        <v>2.9411764705882351</v>
      </c>
      <c r="U338" s="73">
        <v>0</v>
      </c>
      <c r="V338" s="73">
        <v>0</v>
      </c>
      <c r="W338" s="25">
        <v>4.4776119402985071</v>
      </c>
    </row>
    <row r="339" spans="1:23" s="2" customFormat="1" ht="32.25" customHeight="1" x14ac:dyDescent="0.15">
      <c r="A339" s="13"/>
      <c r="B339" s="23" t="s">
        <v>268</v>
      </c>
      <c r="C339" s="103">
        <v>0.31545741324921134</v>
      </c>
      <c r="D339" s="72">
        <v>0.60606060606060608</v>
      </c>
      <c r="E339" s="18">
        <v>0</v>
      </c>
      <c r="F339" s="18">
        <v>0</v>
      </c>
      <c r="G339" s="25">
        <v>0</v>
      </c>
      <c r="H339" s="72">
        <v>0</v>
      </c>
      <c r="I339" s="18">
        <v>0</v>
      </c>
      <c r="J339" s="18">
        <v>0</v>
      </c>
      <c r="K339" s="18">
        <v>0</v>
      </c>
      <c r="L339" s="18">
        <v>0</v>
      </c>
      <c r="M339" s="18">
        <v>0</v>
      </c>
      <c r="N339" s="18">
        <v>0</v>
      </c>
      <c r="O339" s="18">
        <v>0</v>
      </c>
      <c r="P339" s="18">
        <v>0</v>
      </c>
      <c r="Q339" s="18">
        <v>2.8571428571428572</v>
      </c>
      <c r="R339" s="18">
        <v>0</v>
      </c>
      <c r="S339" s="18">
        <v>0</v>
      </c>
      <c r="T339" s="73">
        <v>2.9411764705882351</v>
      </c>
      <c r="U339" s="73">
        <v>0</v>
      </c>
      <c r="V339" s="73">
        <v>0</v>
      </c>
      <c r="W339" s="25">
        <v>0</v>
      </c>
    </row>
    <row r="340" spans="1:23" s="2" customFormat="1" ht="32.25" customHeight="1" x14ac:dyDescent="0.15">
      <c r="A340" s="13"/>
      <c r="B340" s="23" t="s">
        <v>269</v>
      </c>
      <c r="C340" s="103">
        <v>5.9936908517350158</v>
      </c>
      <c r="D340" s="72">
        <v>4.8484848484848486</v>
      </c>
      <c r="E340" s="18">
        <v>6.666666666666667</v>
      </c>
      <c r="F340" s="18">
        <v>8.5714285714285712</v>
      </c>
      <c r="G340" s="25">
        <v>8.3333333333333321</v>
      </c>
      <c r="H340" s="72">
        <v>0</v>
      </c>
      <c r="I340" s="18">
        <v>0</v>
      </c>
      <c r="J340" s="18">
        <v>1.4705882352941175</v>
      </c>
      <c r="K340" s="18">
        <v>66.666666666666657</v>
      </c>
      <c r="L340" s="18">
        <v>14.893617021276595</v>
      </c>
      <c r="M340" s="18">
        <v>1.8867924528301887</v>
      </c>
      <c r="N340" s="18">
        <v>1.9230769230769231</v>
      </c>
      <c r="O340" s="18">
        <v>13.157894736842104</v>
      </c>
      <c r="P340" s="18">
        <v>8.3333333333333321</v>
      </c>
      <c r="Q340" s="18">
        <v>2.8571428571428572</v>
      </c>
      <c r="R340" s="18">
        <v>0</v>
      </c>
      <c r="S340" s="18">
        <v>0</v>
      </c>
      <c r="T340" s="73">
        <v>0</v>
      </c>
      <c r="U340" s="73">
        <v>9.183673469387756</v>
      </c>
      <c r="V340" s="73">
        <v>0</v>
      </c>
      <c r="W340" s="25">
        <v>2.9850746268656714</v>
      </c>
    </row>
    <row r="341" spans="1:23" s="2" customFormat="1" ht="32.25" customHeight="1" x14ac:dyDescent="0.15">
      <c r="A341" s="13"/>
      <c r="B341" s="23" t="s">
        <v>137</v>
      </c>
      <c r="C341" s="103">
        <v>9.7791798107255516</v>
      </c>
      <c r="D341" s="72">
        <v>9.0909090909090917</v>
      </c>
      <c r="E341" s="18">
        <v>9.5238095238095237</v>
      </c>
      <c r="F341" s="18">
        <v>12.857142857142856</v>
      </c>
      <c r="G341" s="25">
        <v>12.5</v>
      </c>
      <c r="H341" s="72">
        <v>0</v>
      </c>
      <c r="I341" s="18">
        <v>14.814814814814813</v>
      </c>
      <c r="J341" s="18">
        <v>7.3529411764705888</v>
      </c>
      <c r="K341" s="18">
        <v>6.666666666666667</v>
      </c>
      <c r="L341" s="18">
        <v>10.638297872340425</v>
      </c>
      <c r="M341" s="18">
        <v>7.5471698113207548</v>
      </c>
      <c r="N341" s="18">
        <v>5.7692307692307692</v>
      </c>
      <c r="O341" s="18">
        <v>2.6315789473684208</v>
      </c>
      <c r="P341" s="18">
        <v>16.666666666666664</v>
      </c>
      <c r="Q341" s="18">
        <v>17.142857142857142</v>
      </c>
      <c r="R341" s="18">
        <v>0</v>
      </c>
      <c r="S341" s="18">
        <v>6.25</v>
      </c>
      <c r="T341" s="73">
        <v>20.588235294117645</v>
      </c>
      <c r="U341" s="73">
        <v>10.204081632653061</v>
      </c>
      <c r="V341" s="73">
        <v>0</v>
      </c>
      <c r="W341" s="25">
        <v>13.432835820895523</v>
      </c>
    </row>
    <row r="342" spans="1:23" s="2" customFormat="1" ht="32.25" customHeight="1" thickBot="1" x14ac:dyDescent="0.2">
      <c r="A342" s="46" t="s">
        <v>270</v>
      </c>
      <c r="B342" s="47"/>
      <c r="C342" s="104">
        <v>44.483362521891415</v>
      </c>
      <c r="D342" s="105">
        <v>51.183431952662716</v>
      </c>
      <c r="E342" s="106">
        <v>37.869822485207102</v>
      </c>
      <c r="F342" s="106">
        <v>30.693069306930692</v>
      </c>
      <c r="G342" s="107">
        <v>11.111111111111111</v>
      </c>
      <c r="H342" s="105">
        <v>66.666666666666657</v>
      </c>
      <c r="I342" s="106">
        <v>51.351351351351347</v>
      </c>
      <c r="J342" s="106">
        <v>50</v>
      </c>
      <c r="K342" s="106">
        <v>21.052631578947366</v>
      </c>
      <c r="L342" s="106">
        <v>33.802816901408448</v>
      </c>
      <c r="M342" s="106">
        <v>45.360824742268044</v>
      </c>
      <c r="N342" s="106">
        <v>38.82352941176471</v>
      </c>
      <c r="O342" s="106">
        <v>35.593220338983052</v>
      </c>
      <c r="P342" s="106">
        <v>50</v>
      </c>
      <c r="Q342" s="106">
        <v>46.153846153846153</v>
      </c>
      <c r="R342" s="106">
        <v>58.18181818181818</v>
      </c>
      <c r="S342" s="106">
        <v>51.515151515151516</v>
      </c>
      <c r="T342" s="108">
        <v>32</v>
      </c>
      <c r="U342" s="108">
        <v>44.632768361581924</v>
      </c>
      <c r="V342" s="108">
        <v>32.142857142857146</v>
      </c>
      <c r="W342" s="30">
        <v>45.528455284552841</v>
      </c>
    </row>
    <row r="343" spans="1:23" s="2" customFormat="1" x14ac:dyDescent="0.15"/>
    <row r="344" spans="1:23" s="2" customFormat="1" x14ac:dyDescent="0.15"/>
    <row r="345" spans="1:23" s="2" customFormat="1" x14ac:dyDescent="0.15">
      <c r="A345" s="2" t="s">
        <v>457</v>
      </c>
      <c r="F345" s="2" t="s">
        <v>445</v>
      </c>
    </row>
    <row r="346" spans="1:23" s="2" customFormat="1" ht="14.25" thickBot="1" x14ac:dyDescent="0.2">
      <c r="V346" s="1"/>
      <c r="W346" s="1" t="s">
        <v>75</v>
      </c>
    </row>
    <row r="347" spans="1:23" s="2" customFormat="1" x14ac:dyDescent="0.15">
      <c r="A347" s="4"/>
      <c r="B347" s="5" t="s">
        <v>76</v>
      </c>
      <c r="C347" s="67"/>
      <c r="D347" s="37" t="s">
        <v>15</v>
      </c>
      <c r="E347" s="38"/>
      <c r="F347" s="38"/>
      <c r="G347" s="48"/>
      <c r="H347" s="37" t="s">
        <v>20</v>
      </c>
      <c r="I347" s="38"/>
      <c r="J347" s="38"/>
      <c r="K347" s="38"/>
      <c r="L347" s="38"/>
      <c r="M347" s="38"/>
      <c r="N347" s="38"/>
      <c r="O347" s="38"/>
      <c r="P347" s="38"/>
      <c r="Q347" s="38"/>
      <c r="R347" s="38"/>
      <c r="S347" s="38"/>
      <c r="T347" s="38"/>
      <c r="U347" s="38"/>
      <c r="V347" s="38"/>
      <c r="W347" s="48"/>
    </row>
    <row r="348" spans="1:23" s="2" customFormat="1" ht="54.75" thickBot="1" x14ac:dyDescent="0.2">
      <c r="A348" s="13" t="s">
        <v>87</v>
      </c>
      <c r="C348" s="68" t="s">
        <v>19</v>
      </c>
      <c r="D348" s="50" t="s">
        <v>271</v>
      </c>
      <c r="E348" s="51" t="s">
        <v>247</v>
      </c>
      <c r="F348" s="51" t="s">
        <v>109</v>
      </c>
      <c r="G348" s="52" t="s">
        <v>1</v>
      </c>
      <c r="H348" s="53" t="s">
        <v>2</v>
      </c>
      <c r="I348" s="11" t="s">
        <v>272</v>
      </c>
      <c r="J348" s="11" t="s">
        <v>273</v>
      </c>
      <c r="K348" s="54" t="s">
        <v>153</v>
      </c>
      <c r="L348" s="55" t="s">
        <v>4</v>
      </c>
      <c r="M348" s="56" t="s">
        <v>5</v>
      </c>
      <c r="N348" s="55" t="s">
        <v>82</v>
      </c>
      <c r="O348" s="55" t="s">
        <v>6</v>
      </c>
      <c r="P348" s="56" t="s">
        <v>7</v>
      </c>
      <c r="Q348" s="57" t="s">
        <v>8</v>
      </c>
      <c r="R348" s="56" t="s">
        <v>9</v>
      </c>
      <c r="S348" s="55" t="s">
        <v>10</v>
      </c>
      <c r="T348" s="55" t="s">
        <v>11</v>
      </c>
      <c r="U348" s="55" t="s">
        <v>12</v>
      </c>
      <c r="V348" s="58" t="s">
        <v>83</v>
      </c>
      <c r="W348" s="59" t="s">
        <v>13</v>
      </c>
    </row>
    <row r="349" spans="1:23" s="2" customFormat="1" ht="32.25" customHeight="1" x14ac:dyDescent="0.15">
      <c r="A349" s="4" t="s">
        <v>234</v>
      </c>
      <c r="B349" s="33"/>
      <c r="C349" s="98">
        <v>30.622837370242213</v>
      </c>
      <c r="D349" s="99">
        <v>26.811594202898554</v>
      </c>
      <c r="E349" s="100">
        <v>32.344213649851632</v>
      </c>
      <c r="F349" s="100">
        <v>42.156862745098039</v>
      </c>
      <c r="G349" s="101">
        <v>62.962962962962962</v>
      </c>
      <c r="H349" s="99">
        <v>0</v>
      </c>
      <c r="I349" s="100">
        <v>25.225225225225223</v>
      </c>
      <c r="J349" s="100">
        <v>24.647887323943664</v>
      </c>
      <c r="K349" s="100">
        <v>84.210526315789465</v>
      </c>
      <c r="L349" s="100">
        <v>29.166666666666668</v>
      </c>
      <c r="M349" s="100">
        <v>25</v>
      </c>
      <c r="N349" s="100">
        <v>45.977011494252871</v>
      </c>
      <c r="O349" s="100">
        <v>46.666666666666664</v>
      </c>
      <c r="P349" s="100">
        <v>25.925925925925924</v>
      </c>
      <c r="Q349" s="100">
        <v>25</v>
      </c>
      <c r="R349" s="100">
        <v>25.454545454545453</v>
      </c>
      <c r="S349" s="100">
        <v>27.27272727272727</v>
      </c>
      <c r="T349" s="102">
        <v>22.448979591836736</v>
      </c>
      <c r="U349" s="102">
        <v>35.05747126436782</v>
      </c>
      <c r="V349" s="102">
        <v>20</v>
      </c>
      <c r="W349" s="15">
        <v>30.327868852459016</v>
      </c>
    </row>
    <row r="350" spans="1:23" s="2" customFormat="1" ht="32.25" customHeight="1" x14ac:dyDescent="0.15">
      <c r="A350" s="13"/>
      <c r="B350" s="87" t="s">
        <v>274</v>
      </c>
      <c r="C350" s="103">
        <v>62.711864406779661</v>
      </c>
      <c r="D350" s="72">
        <v>59.45945945945946</v>
      </c>
      <c r="E350" s="18">
        <v>66.055045871559642</v>
      </c>
      <c r="F350" s="18">
        <v>65.116279069767444</v>
      </c>
      <c r="G350" s="25">
        <v>70.588235294117652</v>
      </c>
      <c r="H350" s="72">
        <v>0</v>
      </c>
      <c r="I350" s="18">
        <v>50</v>
      </c>
      <c r="J350" s="18">
        <v>71.428571428571431</v>
      </c>
      <c r="K350" s="18">
        <v>93.75</v>
      </c>
      <c r="L350" s="18">
        <v>76.19047619047619</v>
      </c>
      <c r="M350" s="18">
        <v>58.333333333333336</v>
      </c>
      <c r="N350" s="18">
        <v>77.5</v>
      </c>
      <c r="O350" s="18">
        <v>53.571428571428569</v>
      </c>
      <c r="P350" s="18">
        <v>28.571428571428569</v>
      </c>
      <c r="Q350" s="18">
        <v>47.058823529411761</v>
      </c>
      <c r="R350" s="18">
        <v>71.428571428571431</v>
      </c>
      <c r="S350" s="18">
        <v>77.777777777777786</v>
      </c>
      <c r="T350" s="73">
        <v>54.54545454545454</v>
      </c>
      <c r="U350" s="73">
        <v>57.377049180327866</v>
      </c>
      <c r="V350" s="73">
        <v>83.333333333333343</v>
      </c>
      <c r="W350" s="25">
        <v>51.351351351351347</v>
      </c>
    </row>
    <row r="351" spans="1:23" s="2" customFormat="1" ht="32.25" customHeight="1" x14ac:dyDescent="0.15">
      <c r="A351" s="13"/>
      <c r="B351" s="87" t="s">
        <v>275</v>
      </c>
      <c r="C351" s="103">
        <v>38.983050847457626</v>
      </c>
      <c r="D351" s="72">
        <v>38.378378378378379</v>
      </c>
      <c r="E351" s="18">
        <v>42.201834862385326</v>
      </c>
      <c r="F351" s="18">
        <v>37.209302325581397</v>
      </c>
      <c r="G351" s="25">
        <v>29.411764705882355</v>
      </c>
      <c r="H351" s="72">
        <v>0</v>
      </c>
      <c r="I351" s="18">
        <v>53.571428571428569</v>
      </c>
      <c r="J351" s="18">
        <v>20</v>
      </c>
      <c r="K351" s="18">
        <v>87.5</v>
      </c>
      <c r="L351" s="18">
        <v>38.095238095238095</v>
      </c>
      <c r="M351" s="18">
        <v>45.833333333333329</v>
      </c>
      <c r="N351" s="18">
        <v>32.5</v>
      </c>
      <c r="O351" s="18">
        <v>60.714285714285708</v>
      </c>
      <c r="P351" s="18">
        <v>42.857142857142854</v>
      </c>
      <c r="Q351" s="18">
        <v>23.52941176470588</v>
      </c>
      <c r="R351" s="18">
        <v>21.428571428571427</v>
      </c>
      <c r="S351" s="18">
        <v>22.222222222222221</v>
      </c>
      <c r="T351" s="73">
        <v>63.636363636363633</v>
      </c>
      <c r="U351" s="73">
        <v>29.508196721311474</v>
      </c>
      <c r="V351" s="73">
        <v>16.666666666666664</v>
      </c>
      <c r="W351" s="25">
        <v>40.54054054054054</v>
      </c>
    </row>
    <row r="352" spans="1:23" s="2" customFormat="1" ht="32.25" customHeight="1" x14ac:dyDescent="0.15">
      <c r="A352" s="13"/>
      <c r="B352" s="87" t="s">
        <v>276</v>
      </c>
      <c r="C352" s="103">
        <v>22.316384180790962</v>
      </c>
      <c r="D352" s="72">
        <v>19.45945945945946</v>
      </c>
      <c r="E352" s="18">
        <v>22.018348623853214</v>
      </c>
      <c r="F352" s="18">
        <v>37.209302325581397</v>
      </c>
      <c r="G352" s="25">
        <v>17.647058823529413</v>
      </c>
      <c r="H352" s="72">
        <v>0</v>
      </c>
      <c r="I352" s="18">
        <v>10.714285714285714</v>
      </c>
      <c r="J352" s="18">
        <v>17.142857142857142</v>
      </c>
      <c r="K352" s="18">
        <v>31.25</v>
      </c>
      <c r="L352" s="18">
        <v>23.809523809523807</v>
      </c>
      <c r="M352" s="18">
        <v>37.5</v>
      </c>
      <c r="N352" s="18">
        <v>27.500000000000004</v>
      </c>
      <c r="O352" s="18">
        <v>21.428571428571427</v>
      </c>
      <c r="P352" s="18">
        <v>28.571428571428569</v>
      </c>
      <c r="Q352" s="18">
        <v>17.647058823529413</v>
      </c>
      <c r="R352" s="18">
        <v>28.571428571428569</v>
      </c>
      <c r="S352" s="18">
        <v>11.111111111111111</v>
      </c>
      <c r="T352" s="73">
        <v>0</v>
      </c>
      <c r="U352" s="73">
        <v>22.950819672131146</v>
      </c>
      <c r="V352" s="73">
        <v>16.666666666666664</v>
      </c>
      <c r="W352" s="25">
        <v>24.324324324324326</v>
      </c>
    </row>
    <row r="353" spans="1:23" ht="32.25" customHeight="1" x14ac:dyDescent="0.15">
      <c r="A353" s="13"/>
      <c r="B353" s="23" t="s">
        <v>137</v>
      </c>
      <c r="C353" s="103">
        <v>12.711864406779661</v>
      </c>
      <c r="D353" s="72">
        <v>14.054054054054054</v>
      </c>
      <c r="E353" s="18">
        <v>11.009174311926607</v>
      </c>
      <c r="F353" s="18">
        <v>13.953488372093023</v>
      </c>
      <c r="G353" s="25">
        <v>5.8823529411764701</v>
      </c>
      <c r="H353" s="72">
        <v>0</v>
      </c>
      <c r="I353" s="18">
        <v>10.714285714285714</v>
      </c>
      <c r="J353" s="18">
        <v>8.5714285714285712</v>
      </c>
      <c r="K353" s="18">
        <v>0</v>
      </c>
      <c r="L353" s="18">
        <v>9.5238095238095237</v>
      </c>
      <c r="M353" s="18">
        <v>12.5</v>
      </c>
      <c r="N353" s="18">
        <v>12.5</v>
      </c>
      <c r="O353" s="18">
        <v>17.857142857142858</v>
      </c>
      <c r="P353" s="18">
        <v>28.571428571428569</v>
      </c>
      <c r="Q353" s="18">
        <v>23.52941176470588</v>
      </c>
      <c r="R353" s="18">
        <v>14.285714285714285</v>
      </c>
      <c r="S353" s="18">
        <v>11.111111111111111</v>
      </c>
      <c r="T353" s="73">
        <v>9.0909090909090917</v>
      </c>
      <c r="U353" s="73">
        <v>16.393442622950818</v>
      </c>
      <c r="V353" s="73">
        <v>0</v>
      </c>
      <c r="W353" s="25">
        <v>10.810810810810811</v>
      </c>
    </row>
    <row r="354" spans="1:23" ht="32.25" customHeight="1" thickBot="1" x14ac:dyDescent="0.2">
      <c r="A354" s="46" t="s">
        <v>277</v>
      </c>
      <c r="B354" s="47"/>
      <c r="C354" s="104">
        <v>69.377162629757777</v>
      </c>
      <c r="D354" s="105">
        <v>73.188405797101453</v>
      </c>
      <c r="E354" s="106">
        <v>67.655786350148375</v>
      </c>
      <c r="F354" s="106">
        <v>57.843137254901968</v>
      </c>
      <c r="G354" s="107">
        <v>37.037037037037038</v>
      </c>
      <c r="H354" s="105">
        <v>100</v>
      </c>
      <c r="I354" s="106">
        <v>74.774774774774784</v>
      </c>
      <c r="J354" s="106">
        <v>75.352112676056336</v>
      </c>
      <c r="K354" s="106">
        <v>15.789473684210526</v>
      </c>
      <c r="L354" s="106">
        <v>70.833333333333343</v>
      </c>
      <c r="M354" s="106">
        <v>75</v>
      </c>
      <c r="N354" s="106">
        <v>54.022988505747129</v>
      </c>
      <c r="O354" s="106">
        <v>53.333333333333336</v>
      </c>
      <c r="P354" s="106">
        <v>74.074074074074076</v>
      </c>
      <c r="Q354" s="106">
        <v>75</v>
      </c>
      <c r="R354" s="106">
        <v>74.545454545454547</v>
      </c>
      <c r="S354" s="106">
        <v>72.727272727272734</v>
      </c>
      <c r="T354" s="108">
        <v>77.551020408163268</v>
      </c>
      <c r="U354" s="108">
        <v>64.942528735632195</v>
      </c>
      <c r="V354" s="108">
        <v>80</v>
      </c>
      <c r="W354" s="30">
        <v>69.672131147540981</v>
      </c>
    </row>
    <row r="355" spans="1:23" s="2" customFormat="1" hidden="1" x14ac:dyDescent="0.15"/>
    <row r="356" spans="1:23" s="2" customFormat="1" hidden="1" x14ac:dyDescent="0.15"/>
    <row r="357" spans="1:23" s="2" customFormat="1" x14ac:dyDescent="0.15">
      <c r="A357" s="2" t="s">
        <v>278</v>
      </c>
      <c r="F357" s="2" t="s">
        <v>446</v>
      </c>
    </row>
    <row r="358" spans="1:23" s="2" customFormat="1" ht="14.25" thickBot="1" x14ac:dyDescent="0.2">
      <c r="V358" s="1"/>
      <c r="W358" s="1" t="s">
        <v>75</v>
      </c>
    </row>
    <row r="359" spans="1:23" s="2" customFormat="1" x14ac:dyDescent="0.15">
      <c r="A359" s="4"/>
      <c r="B359" s="5" t="s">
        <v>76</v>
      </c>
      <c r="C359" s="67"/>
      <c r="D359" s="37" t="s">
        <v>15</v>
      </c>
      <c r="E359" s="38"/>
      <c r="F359" s="38"/>
      <c r="G359" s="48"/>
      <c r="H359" s="37" t="s">
        <v>20</v>
      </c>
      <c r="I359" s="38"/>
      <c r="J359" s="38"/>
      <c r="K359" s="38"/>
      <c r="L359" s="38"/>
      <c r="M359" s="38"/>
      <c r="N359" s="38"/>
      <c r="O359" s="38"/>
      <c r="P359" s="38"/>
      <c r="Q359" s="38"/>
      <c r="R359" s="38"/>
      <c r="S359" s="38"/>
      <c r="T359" s="38"/>
      <c r="U359" s="38"/>
      <c r="V359" s="38"/>
      <c r="W359" s="48"/>
    </row>
    <row r="360" spans="1:23" s="2" customFormat="1" ht="54.75" thickBot="1" x14ac:dyDescent="0.2">
      <c r="A360" s="13" t="s">
        <v>87</v>
      </c>
      <c r="C360" s="68" t="s">
        <v>19</v>
      </c>
      <c r="D360" s="50" t="s">
        <v>271</v>
      </c>
      <c r="E360" s="51" t="s">
        <v>141</v>
      </c>
      <c r="F360" s="51" t="s">
        <v>279</v>
      </c>
      <c r="G360" s="52" t="s">
        <v>1</v>
      </c>
      <c r="H360" s="53" t="s">
        <v>2</v>
      </c>
      <c r="I360" s="11" t="s">
        <v>280</v>
      </c>
      <c r="J360" s="11" t="s">
        <v>129</v>
      </c>
      <c r="K360" s="54" t="s">
        <v>91</v>
      </c>
      <c r="L360" s="55" t="s">
        <v>4</v>
      </c>
      <c r="M360" s="56" t="s">
        <v>5</v>
      </c>
      <c r="N360" s="55" t="s">
        <v>82</v>
      </c>
      <c r="O360" s="55" t="s">
        <v>6</v>
      </c>
      <c r="P360" s="56" t="s">
        <v>7</v>
      </c>
      <c r="Q360" s="57" t="s">
        <v>8</v>
      </c>
      <c r="R360" s="56" t="s">
        <v>9</v>
      </c>
      <c r="S360" s="55" t="s">
        <v>10</v>
      </c>
      <c r="T360" s="55" t="s">
        <v>11</v>
      </c>
      <c r="U360" s="55" t="s">
        <v>12</v>
      </c>
      <c r="V360" s="58" t="s">
        <v>83</v>
      </c>
      <c r="W360" s="59" t="s">
        <v>13</v>
      </c>
    </row>
    <row r="361" spans="1:23" s="2" customFormat="1" ht="33.75" customHeight="1" x14ac:dyDescent="0.15">
      <c r="A361" s="4" t="s">
        <v>281</v>
      </c>
      <c r="B361" s="38"/>
      <c r="C361" s="60">
        <v>30.589254766031196</v>
      </c>
      <c r="D361" s="70">
        <v>32.408759124087595</v>
      </c>
      <c r="E361" s="63">
        <v>28.823529411764703</v>
      </c>
      <c r="F361" s="63">
        <v>24.509803921568626</v>
      </c>
      <c r="G361" s="15">
        <v>29.62962962962963</v>
      </c>
      <c r="H361" s="70">
        <v>40</v>
      </c>
      <c r="I361" s="63">
        <v>22.641509433962263</v>
      </c>
      <c r="J361" s="63">
        <v>18.439716312056738</v>
      </c>
      <c r="K361" s="63">
        <v>36.84210526315789</v>
      </c>
      <c r="L361" s="63">
        <v>26.388888888888889</v>
      </c>
      <c r="M361" s="63">
        <v>34.653465346534652</v>
      </c>
      <c r="N361" s="63">
        <v>37.078651685393254</v>
      </c>
      <c r="O361" s="63">
        <v>34.426229508196727</v>
      </c>
      <c r="P361" s="63">
        <v>28.571428571428569</v>
      </c>
      <c r="Q361" s="63">
        <v>17.1875</v>
      </c>
      <c r="R361" s="63">
        <v>45.283018867924525</v>
      </c>
      <c r="S361" s="63">
        <v>40.625</v>
      </c>
      <c r="T361" s="61">
        <v>10</v>
      </c>
      <c r="U361" s="61">
        <v>36.416184971098268</v>
      </c>
      <c r="V361" s="61">
        <v>40</v>
      </c>
      <c r="W361" s="15">
        <v>38.4</v>
      </c>
    </row>
    <row r="362" spans="1:23" s="2" customFormat="1" ht="33.75" customHeight="1" x14ac:dyDescent="0.15">
      <c r="A362" s="93"/>
      <c r="B362" s="40" t="s">
        <v>282</v>
      </c>
      <c r="C362" s="103">
        <v>7.7123050259965336</v>
      </c>
      <c r="D362" s="72">
        <v>7.7372262773722627</v>
      </c>
      <c r="E362" s="18">
        <v>8.5294117647058822</v>
      </c>
      <c r="F362" s="18">
        <v>5.8823529411764701</v>
      </c>
      <c r="G362" s="25">
        <v>3.7037037037037033</v>
      </c>
      <c r="H362" s="72">
        <v>10</v>
      </c>
      <c r="I362" s="18">
        <v>8.4905660377358494</v>
      </c>
      <c r="J362" s="18">
        <v>3.5460992907801421</v>
      </c>
      <c r="K362" s="18">
        <v>0</v>
      </c>
      <c r="L362" s="18">
        <v>12.5</v>
      </c>
      <c r="M362" s="18">
        <v>14.85148514851485</v>
      </c>
      <c r="N362" s="18">
        <v>7.8651685393258424</v>
      </c>
      <c r="O362" s="18">
        <v>9.8360655737704921</v>
      </c>
      <c r="P362" s="18">
        <v>3.5714285714285712</v>
      </c>
      <c r="Q362" s="18">
        <v>9.375</v>
      </c>
      <c r="R362" s="18">
        <v>3.7735849056603774</v>
      </c>
      <c r="S362" s="18">
        <v>9.375</v>
      </c>
      <c r="T362" s="73">
        <v>0</v>
      </c>
      <c r="U362" s="73">
        <v>5.202312138728324</v>
      </c>
      <c r="V362" s="73">
        <v>13.333333333333334</v>
      </c>
      <c r="W362" s="25">
        <v>9.6</v>
      </c>
    </row>
    <row r="363" spans="1:23" s="2" customFormat="1" ht="33.75" customHeight="1" x14ac:dyDescent="0.15">
      <c r="A363" s="93"/>
      <c r="B363" s="40" t="s">
        <v>283</v>
      </c>
      <c r="C363" s="103">
        <v>5.3726169844020797</v>
      </c>
      <c r="D363" s="72">
        <v>6.5693430656934311</v>
      </c>
      <c r="E363" s="18">
        <v>3.8235294117647061</v>
      </c>
      <c r="F363" s="18">
        <v>1.9607843137254901</v>
      </c>
      <c r="G363" s="25">
        <v>7.4074074074074066</v>
      </c>
      <c r="H363" s="72">
        <v>0</v>
      </c>
      <c r="I363" s="18">
        <v>0</v>
      </c>
      <c r="J363" s="18">
        <v>2.1276595744680851</v>
      </c>
      <c r="K363" s="18">
        <v>31.578947368421051</v>
      </c>
      <c r="L363" s="18">
        <v>2.7777777777777777</v>
      </c>
      <c r="M363" s="18">
        <v>2.9702970297029703</v>
      </c>
      <c r="N363" s="18">
        <v>10.112359550561797</v>
      </c>
      <c r="O363" s="18">
        <v>19.672131147540984</v>
      </c>
      <c r="P363" s="18">
        <v>7.1428571428571423</v>
      </c>
      <c r="Q363" s="18">
        <v>3.125</v>
      </c>
      <c r="R363" s="18">
        <v>7.5471698113207548</v>
      </c>
      <c r="S363" s="18">
        <v>9.375</v>
      </c>
      <c r="T363" s="73">
        <v>4</v>
      </c>
      <c r="U363" s="73">
        <v>2.8901734104046244</v>
      </c>
      <c r="V363" s="73">
        <v>13.333333333333334</v>
      </c>
      <c r="W363" s="25">
        <v>4</v>
      </c>
    </row>
    <row r="364" spans="1:23" s="2" customFormat="1" ht="33.75" customHeight="1" x14ac:dyDescent="0.15">
      <c r="A364" s="118"/>
      <c r="B364" s="40" t="s">
        <v>284</v>
      </c>
      <c r="C364" s="103">
        <v>17.504332755632582</v>
      </c>
      <c r="D364" s="72">
        <v>18.102189781021899</v>
      </c>
      <c r="E364" s="18">
        <v>16.470588235294116</v>
      </c>
      <c r="F364" s="18">
        <v>16.666666666666664</v>
      </c>
      <c r="G364" s="25">
        <v>18.518518518518519</v>
      </c>
      <c r="H364" s="72">
        <v>30</v>
      </c>
      <c r="I364" s="18">
        <v>14.150943396226415</v>
      </c>
      <c r="J364" s="18">
        <v>12.76595744680851</v>
      </c>
      <c r="K364" s="18">
        <v>5.2631578947368416</v>
      </c>
      <c r="L364" s="18">
        <v>11.111111111111111</v>
      </c>
      <c r="M364" s="18">
        <v>16.831683168316832</v>
      </c>
      <c r="N364" s="18">
        <v>19.101123595505616</v>
      </c>
      <c r="O364" s="18">
        <v>4.918032786885246</v>
      </c>
      <c r="P364" s="18">
        <v>17.857142857142858</v>
      </c>
      <c r="Q364" s="18">
        <v>4.6875</v>
      </c>
      <c r="R364" s="18">
        <v>33.962264150943398</v>
      </c>
      <c r="S364" s="18">
        <v>21.875</v>
      </c>
      <c r="T364" s="73">
        <v>6</v>
      </c>
      <c r="U364" s="73">
        <v>28.323699421965319</v>
      </c>
      <c r="V364" s="73">
        <v>13.333333333333334</v>
      </c>
      <c r="W364" s="25">
        <v>24.8</v>
      </c>
    </row>
    <row r="365" spans="1:23" s="2" customFormat="1" ht="33.75" customHeight="1" x14ac:dyDescent="0.15">
      <c r="A365" s="21" t="s">
        <v>285</v>
      </c>
      <c r="B365" s="40"/>
      <c r="C365" s="103">
        <v>69.410745233968811</v>
      </c>
      <c r="D365" s="72">
        <v>67.591240875912391</v>
      </c>
      <c r="E365" s="18">
        <v>71.176470588235304</v>
      </c>
      <c r="F365" s="18">
        <v>75.490196078431367</v>
      </c>
      <c r="G365" s="25">
        <v>70.370370370370367</v>
      </c>
      <c r="H365" s="72">
        <v>60</v>
      </c>
      <c r="I365" s="18">
        <v>77.35849056603773</v>
      </c>
      <c r="J365" s="18">
        <v>81.560283687943269</v>
      </c>
      <c r="K365" s="18">
        <v>63.157894736842103</v>
      </c>
      <c r="L365" s="18">
        <v>73.611111111111114</v>
      </c>
      <c r="M365" s="18">
        <v>65.346534653465341</v>
      </c>
      <c r="N365" s="18">
        <v>62.921348314606746</v>
      </c>
      <c r="O365" s="18">
        <v>65.573770491803288</v>
      </c>
      <c r="P365" s="18">
        <v>71.428571428571431</v>
      </c>
      <c r="Q365" s="18">
        <v>82.8125</v>
      </c>
      <c r="R365" s="18">
        <v>54.716981132075468</v>
      </c>
      <c r="S365" s="18">
        <v>59.375</v>
      </c>
      <c r="T365" s="73">
        <v>90</v>
      </c>
      <c r="U365" s="73">
        <v>63.583815028901739</v>
      </c>
      <c r="V365" s="73">
        <v>60</v>
      </c>
      <c r="W365" s="25">
        <v>61.6</v>
      </c>
    </row>
    <row r="366" spans="1:23" s="2" customFormat="1" ht="33.75" customHeight="1" x14ac:dyDescent="0.15">
      <c r="A366" s="93"/>
      <c r="B366" s="40" t="s">
        <v>286</v>
      </c>
      <c r="C366" s="103">
        <v>2.0797227036395149</v>
      </c>
      <c r="D366" s="72">
        <v>1.6058394160583942</v>
      </c>
      <c r="E366" s="18">
        <v>3.5294117647058822</v>
      </c>
      <c r="F366" s="18">
        <v>0</v>
      </c>
      <c r="G366" s="25">
        <v>3.7037037037037033</v>
      </c>
      <c r="H366" s="72">
        <v>0</v>
      </c>
      <c r="I366" s="18">
        <v>3.7735849056603774</v>
      </c>
      <c r="J366" s="18">
        <v>3.5460992907801421</v>
      </c>
      <c r="K366" s="18">
        <v>0</v>
      </c>
      <c r="L366" s="18">
        <v>2.7777777777777777</v>
      </c>
      <c r="M366" s="18">
        <v>0.99009900990099009</v>
      </c>
      <c r="N366" s="18">
        <v>3.3707865168539324</v>
      </c>
      <c r="O366" s="18">
        <v>1.639344262295082</v>
      </c>
      <c r="P366" s="18">
        <v>0</v>
      </c>
      <c r="Q366" s="18">
        <v>4.6875</v>
      </c>
      <c r="R366" s="18">
        <v>0</v>
      </c>
      <c r="S366" s="18">
        <v>3.125</v>
      </c>
      <c r="T366" s="73">
        <v>0</v>
      </c>
      <c r="U366" s="73">
        <v>1.1560693641618496</v>
      </c>
      <c r="V366" s="73">
        <v>0</v>
      </c>
      <c r="W366" s="25">
        <v>1.6</v>
      </c>
    </row>
    <row r="367" spans="1:23" s="2" customFormat="1" ht="33.75" customHeight="1" thickBot="1" x14ac:dyDescent="0.2">
      <c r="A367" s="138"/>
      <c r="B367" s="47" t="s">
        <v>287</v>
      </c>
      <c r="C367" s="64">
        <v>67.331022530329292</v>
      </c>
      <c r="D367" s="77">
        <v>65.985401459854003</v>
      </c>
      <c r="E367" s="29">
        <v>67.64705882352942</v>
      </c>
      <c r="F367" s="29">
        <v>75.490196078431367</v>
      </c>
      <c r="G367" s="30">
        <v>66.666666666666657</v>
      </c>
      <c r="H367" s="77">
        <v>60</v>
      </c>
      <c r="I367" s="29">
        <v>73.584905660377359</v>
      </c>
      <c r="J367" s="29">
        <v>78.01418439716312</v>
      </c>
      <c r="K367" s="29">
        <v>63.157894736842103</v>
      </c>
      <c r="L367" s="29">
        <v>70.833333333333343</v>
      </c>
      <c r="M367" s="29">
        <v>64.356435643564353</v>
      </c>
      <c r="N367" s="29">
        <v>59.550561797752813</v>
      </c>
      <c r="O367" s="29">
        <v>63.934426229508205</v>
      </c>
      <c r="P367" s="29">
        <v>71.428571428571431</v>
      </c>
      <c r="Q367" s="29">
        <v>78.125</v>
      </c>
      <c r="R367" s="29">
        <v>54.716981132075468</v>
      </c>
      <c r="S367" s="29">
        <v>56.25</v>
      </c>
      <c r="T367" s="65">
        <v>90</v>
      </c>
      <c r="U367" s="65">
        <v>62.427745664739888</v>
      </c>
      <c r="V367" s="65">
        <v>60</v>
      </c>
      <c r="W367" s="30">
        <v>60</v>
      </c>
    </row>
    <row r="368" spans="1:23" s="2" customFormat="1" x14ac:dyDescent="0.15">
      <c r="A368" s="1"/>
      <c r="B368" s="1"/>
      <c r="C368" s="1"/>
      <c r="D368" s="1"/>
      <c r="E368" s="1"/>
      <c r="F368" s="1"/>
      <c r="G368" s="1"/>
      <c r="H368" s="1"/>
      <c r="I368" s="1"/>
      <c r="J368" s="1"/>
      <c r="K368" s="1"/>
      <c r="L368" s="1"/>
      <c r="M368" s="1"/>
      <c r="N368" s="1"/>
      <c r="O368" s="1"/>
      <c r="P368" s="1"/>
      <c r="Q368" s="1"/>
      <c r="R368" s="1"/>
      <c r="S368" s="1"/>
      <c r="T368" s="1"/>
      <c r="U368" s="1"/>
      <c r="V368" s="1"/>
      <c r="W368" s="1"/>
    </row>
    <row r="369" spans="1:23" s="2" customFormat="1" x14ac:dyDescent="0.15">
      <c r="A369" s="1"/>
      <c r="B369" s="1"/>
      <c r="C369" s="1"/>
      <c r="D369" s="1"/>
      <c r="E369" s="1"/>
      <c r="F369" s="1"/>
      <c r="G369" s="1"/>
      <c r="H369" s="1"/>
      <c r="I369" s="1"/>
      <c r="J369" s="1"/>
      <c r="K369" s="1"/>
      <c r="L369" s="1"/>
      <c r="M369" s="1"/>
      <c r="N369" s="1"/>
      <c r="O369" s="1"/>
      <c r="P369" s="1"/>
      <c r="Q369" s="1"/>
      <c r="R369" s="1"/>
      <c r="S369" s="1"/>
      <c r="T369" s="1"/>
      <c r="U369" s="1"/>
      <c r="V369" s="1"/>
      <c r="W369" s="1"/>
    </row>
    <row r="370" spans="1:23" s="2" customFormat="1" x14ac:dyDescent="0.15">
      <c r="A370" s="2" t="s">
        <v>288</v>
      </c>
      <c r="F370" s="2" t="s">
        <v>447</v>
      </c>
    </row>
    <row r="371" spans="1:23" s="2" customFormat="1" ht="14.25" thickBot="1" x14ac:dyDescent="0.2">
      <c r="V371" s="1"/>
      <c r="W371" s="1" t="s">
        <v>75</v>
      </c>
    </row>
    <row r="372" spans="1:23" s="2" customFormat="1" x14ac:dyDescent="0.15">
      <c r="A372" s="4"/>
      <c r="B372" s="5" t="s">
        <v>76</v>
      </c>
      <c r="C372" s="67"/>
      <c r="D372" s="37" t="s">
        <v>15</v>
      </c>
      <c r="E372" s="38"/>
      <c r="F372" s="38"/>
      <c r="G372" s="48"/>
      <c r="H372" s="37" t="s">
        <v>20</v>
      </c>
      <c r="I372" s="38"/>
      <c r="J372" s="38"/>
      <c r="K372" s="38"/>
      <c r="L372" s="38"/>
      <c r="M372" s="38"/>
      <c r="N372" s="38"/>
      <c r="O372" s="38"/>
      <c r="P372" s="38"/>
      <c r="Q372" s="38"/>
      <c r="R372" s="38"/>
      <c r="S372" s="38"/>
      <c r="T372" s="38"/>
      <c r="U372" s="38"/>
      <c r="V372" s="38"/>
      <c r="W372" s="48"/>
    </row>
    <row r="373" spans="1:23" s="2" customFormat="1" ht="54.75" thickBot="1" x14ac:dyDescent="0.2">
      <c r="A373" s="13" t="s">
        <v>77</v>
      </c>
      <c r="C373" s="68" t="s">
        <v>19</v>
      </c>
      <c r="D373" s="50" t="s">
        <v>260</v>
      </c>
      <c r="E373" s="51" t="s">
        <v>181</v>
      </c>
      <c r="F373" s="51" t="s">
        <v>109</v>
      </c>
      <c r="G373" s="52" t="s">
        <v>1</v>
      </c>
      <c r="H373" s="53" t="s">
        <v>2</v>
      </c>
      <c r="I373" s="11" t="s">
        <v>280</v>
      </c>
      <c r="J373" s="11" t="s">
        <v>129</v>
      </c>
      <c r="K373" s="54" t="s">
        <v>91</v>
      </c>
      <c r="L373" s="55" t="s">
        <v>4</v>
      </c>
      <c r="M373" s="56" t="s">
        <v>5</v>
      </c>
      <c r="N373" s="55" t="s">
        <v>82</v>
      </c>
      <c r="O373" s="55" t="s">
        <v>6</v>
      </c>
      <c r="P373" s="56" t="s">
        <v>7</v>
      </c>
      <c r="Q373" s="57" t="s">
        <v>8</v>
      </c>
      <c r="R373" s="56" t="s">
        <v>9</v>
      </c>
      <c r="S373" s="55" t="s">
        <v>10</v>
      </c>
      <c r="T373" s="55" t="s">
        <v>11</v>
      </c>
      <c r="U373" s="55" t="s">
        <v>12</v>
      </c>
      <c r="V373" s="58" t="s">
        <v>83</v>
      </c>
      <c r="W373" s="59" t="s">
        <v>13</v>
      </c>
    </row>
    <row r="374" spans="1:23" s="2" customFormat="1" ht="33.75" customHeight="1" x14ac:dyDescent="0.15">
      <c r="A374" s="37" t="s">
        <v>289</v>
      </c>
      <c r="B374" s="38"/>
      <c r="C374" s="69">
        <v>81.802864363942717</v>
      </c>
      <c r="D374" s="70">
        <v>72.969187675070017</v>
      </c>
      <c r="E374" s="63">
        <v>93.586005830903787</v>
      </c>
      <c r="F374" s="63">
        <v>99.029126213592235</v>
      </c>
      <c r="G374" s="15">
        <v>100</v>
      </c>
      <c r="H374" s="62">
        <v>54.54545454545454</v>
      </c>
      <c r="I374" s="63">
        <v>72.807017543859658</v>
      </c>
      <c r="J374" s="63">
        <v>78.32167832167832</v>
      </c>
      <c r="K374" s="63">
        <v>100</v>
      </c>
      <c r="L374" s="63">
        <v>93.243243243243242</v>
      </c>
      <c r="M374" s="63">
        <v>77.669902912621353</v>
      </c>
      <c r="N374" s="63">
        <v>80.681818181818173</v>
      </c>
      <c r="O374" s="63">
        <v>98.360655737704917</v>
      </c>
      <c r="P374" s="63">
        <v>67.857142857142861</v>
      </c>
      <c r="Q374" s="63">
        <v>66.17647058823529</v>
      </c>
      <c r="R374" s="63">
        <v>65</v>
      </c>
      <c r="S374" s="63">
        <v>71.428571428571431</v>
      </c>
      <c r="T374" s="61">
        <v>94.117647058823522</v>
      </c>
      <c r="U374" s="61">
        <v>90.909090909090907</v>
      </c>
      <c r="V374" s="61">
        <v>100</v>
      </c>
      <c r="W374" s="15">
        <v>83.333333333333343</v>
      </c>
    </row>
    <row r="375" spans="1:23" s="2" customFormat="1" ht="33.75" customHeight="1" thickBot="1" x14ac:dyDescent="0.2">
      <c r="A375" s="46" t="s">
        <v>209</v>
      </c>
      <c r="B375" s="47"/>
      <c r="C375" s="76">
        <v>18.197135636057286</v>
      </c>
      <c r="D375" s="77">
        <v>27.030812324929972</v>
      </c>
      <c r="E375" s="29">
        <v>6.4139941690962097</v>
      </c>
      <c r="F375" s="29">
        <v>0.97087378640776689</v>
      </c>
      <c r="G375" s="30">
        <v>0</v>
      </c>
      <c r="H375" s="66">
        <v>45.454545454545453</v>
      </c>
      <c r="I375" s="29">
        <v>27.192982456140353</v>
      </c>
      <c r="J375" s="29">
        <v>21.678321678321677</v>
      </c>
      <c r="K375" s="29">
        <v>0</v>
      </c>
      <c r="L375" s="29">
        <v>6.756756756756757</v>
      </c>
      <c r="M375" s="29">
        <v>22.330097087378643</v>
      </c>
      <c r="N375" s="29">
        <v>19.318181818181817</v>
      </c>
      <c r="O375" s="29">
        <v>1.639344262295082</v>
      </c>
      <c r="P375" s="29">
        <v>32.142857142857146</v>
      </c>
      <c r="Q375" s="29">
        <v>33.82352941176471</v>
      </c>
      <c r="R375" s="29">
        <v>35</v>
      </c>
      <c r="S375" s="29">
        <v>28.571428571428569</v>
      </c>
      <c r="T375" s="65">
        <v>5.8823529411764701</v>
      </c>
      <c r="U375" s="65">
        <v>9.0909090909090917</v>
      </c>
      <c r="V375" s="65">
        <v>0</v>
      </c>
      <c r="W375" s="30">
        <v>16.666666666666664</v>
      </c>
    </row>
    <row r="376" spans="1:23" s="2" customFormat="1" x14ac:dyDescent="0.15"/>
    <row r="377" spans="1:23" s="2" customFormat="1" x14ac:dyDescent="0.15"/>
    <row r="378" spans="1:23" s="2" customFormat="1" x14ac:dyDescent="0.15">
      <c r="A378" s="2" t="s">
        <v>290</v>
      </c>
      <c r="F378" s="2" t="s">
        <v>448</v>
      </c>
    </row>
    <row r="379" spans="1:23" s="2" customFormat="1" ht="14.25" thickBot="1" x14ac:dyDescent="0.2">
      <c r="V379" s="1"/>
      <c r="W379" s="1" t="s">
        <v>75</v>
      </c>
    </row>
    <row r="380" spans="1:23" s="2" customFormat="1" x14ac:dyDescent="0.15">
      <c r="A380" s="4"/>
      <c r="B380" s="5" t="s">
        <v>76</v>
      </c>
      <c r="C380" s="67"/>
      <c r="D380" s="37" t="s">
        <v>15</v>
      </c>
      <c r="E380" s="38"/>
      <c r="F380" s="38"/>
      <c r="G380" s="48"/>
      <c r="H380" s="37" t="s">
        <v>20</v>
      </c>
      <c r="I380" s="38"/>
      <c r="J380" s="38"/>
      <c r="K380" s="38"/>
      <c r="L380" s="38"/>
      <c r="M380" s="38"/>
      <c r="N380" s="38"/>
      <c r="O380" s="38"/>
      <c r="P380" s="38"/>
      <c r="Q380" s="38"/>
      <c r="R380" s="38"/>
      <c r="S380" s="38"/>
      <c r="T380" s="38"/>
      <c r="U380" s="38"/>
      <c r="V380" s="38"/>
      <c r="W380" s="48"/>
    </row>
    <row r="381" spans="1:23" s="2" customFormat="1" ht="54.75" thickBot="1" x14ac:dyDescent="0.2">
      <c r="A381" s="13" t="s">
        <v>87</v>
      </c>
      <c r="C381" s="68" t="s">
        <v>19</v>
      </c>
      <c r="D381" s="50" t="s">
        <v>204</v>
      </c>
      <c r="E381" s="51" t="s">
        <v>291</v>
      </c>
      <c r="F381" s="51" t="s">
        <v>128</v>
      </c>
      <c r="G381" s="52" t="s">
        <v>1</v>
      </c>
      <c r="H381" s="53" t="s">
        <v>2</v>
      </c>
      <c r="I381" s="11" t="s">
        <v>89</v>
      </c>
      <c r="J381" s="11" t="s">
        <v>129</v>
      </c>
      <c r="K381" s="54" t="s">
        <v>261</v>
      </c>
      <c r="L381" s="55" t="s">
        <v>4</v>
      </c>
      <c r="M381" s="56" t="s">
        <v>5</v>
      </c>
      <c r="N381" s="55" t="s">
        <v>82</v>
      </c>
      <c r="O381" s="55" t="s">
        <v>6</v>
      </c>
      <c r="P381" s="56" t="s">
        <v>7</v>
      </c>
      <c r="Q381" s="57" t="s">
        <v>8</v>
      </c>
      <c r="R381" s="56" t="s">
        <v>9</v>
      </c>
      <c r="S381" s="55" t="s">
        <v>10</v>
      </c>
      <c r="T381" s="55" t="s">
        <v>11</v>
      </c>
      <c r="U381" s="55" t="s">
        <v>12</v>
      </c>
      <c r="V381" s="58" t="s">
        <v>83</v>
      </c>
      <c r="W381" s="59" t="s">
        <v>13</v>
      </c>
    </row>
    <row r="382" spans="1:23" s="2" customFormat="1" ht="32.25" customHeight="1" x14ac:dyDescent="0.15">
      <c r="A382" s="37" t="s">
        <v>292</v>
      </c>
      <c r="B382" s="38"/>
      <c r="C382" s="69">
        <v>76.235541535226076</v>
      </c>
      <c r="D382" s="70">
        <v>76.424361493123769</v>
      </c>
      <c r="E382" s="63">
        <v>79.047619047619051</v>
      </c>
      <c r="F382" s="63">
        <v>73.267326732673268</v>
      </c>
      <c r="G382" s="15">
        <v>50</v>
      </c>
      <c r="H382" s="62">
        <v>100</v>
      </c>
      <c r="I382" s="63">
        <v>76.543209876543202</v>
      </c>
      <c r="J382" s="63">
        <v>79.816513761467888</v>
      </c>
      <c r="K382" s="63">
        <v>31.578947368421051</v>
      </c>
      <c r="L382" s="63">
        <v>75.362318840579718</v>
      </c>
      <c r="M382" s="63">
        <v>67.948717948717956</v>
      </c>
      <c r="N382" s="63">
        <v>71.428571428571431</v>
      </c>
      <c r="O382" s="63">
        <v>61.403508771929829</v>
      </c>
      <c r="P382" s="63">
        <v>84.210526315789465</v>
      </c>
      <c r="Q382" s="63">
        <v>80</v>
      </c>
      <c r="R382" s="63">
        <v>84.210526315789465</v>
      </c>
      <c r="S382" s="63">
        <v>88</v>
      </c>
      <c r="T382" s="61">
        <v>57.446808510638306</v>
      </c>
      <c r="U382" s="61">
        <v>87.820512820512818</v>
      </c>
      <c r="V382" s="61">
        <v>65.517241379310349</v>
      </c>
      <c r="W382" s="15">
        <v>82.524271844660191</v>
      </c>
    </row>
    <row r="383" spans="1:23" s="2" customFormat="1" ht="32.25" customHeight="1" x14ac:dyDescent="0.15">
      <c r="A383" s="39" t="s">
        <v>293</v>
      </c>
      <c r="B383" s="40"/>
      <c r="C383" s="71">
        <v>8.3070452155625656</v>
      </c>
      <c r="D383" s="72">
        <v>8.4479371316306473</v>
      </c>
      <c r="E383" s="18">
        <v>6.666666666666667</v>
      </c>
      <c r="F383" s="18">
        <v>9.9009900990099009</v>
      </c>
      <c r="G383" s="25">
        <v>19.230769230769234</v>
      </c>
      <c r="H383" s="75">
        <v>0</v>
      </c>
      <c r="I383" s="18">
        <v>12.345679012345679</v>
      </c>
      <c r="J383" s="18">
        <v>5.5045871559633035</v>
      </c>
      <c r="K383" s="18">
        <v>0</v>
      </c>
      <c r="L383" s="18">
        <v>7.2463768115942031</v>
      </c>
      <c r="M383" s="18">
        <v>16.666666666666664</v>
      </c>
      <c r="N383" s="18">
        <v>7.1428571428571423</v>
      </c>
      <c r="O383" s="18">
        <v>0</v>
      </c>
      <c r="P383" s="18">
        <v>5.2631578947368416</v>
      </c>
      <c r="Q383" s="18">
        <v>4.4444444444444446</v>
      </c>
      <c r="R383" s="18">
        <v>7.8947368421052628</v>
      </c>
      <c r="S383" s="18">
        <v>8</v>
      </c>
      <c r="T383" s="73">
        <v>25.531914893617021</v>
      </c>
      <c r="U383" s="73">
        <v>6.4102564102564097</v>
      </c>
      <c r="V383" s="73">
        <v>6.8965517241379306</v>
      </c>
      <c r="W383" s="25">
        <v>7.7669902912621351</v>
      </c>
    </row>
    <row r="384" spans="1:23" s="2" customFormat="1" ht="32.25" customHeight="1" x14ac:dyDescent="0.15">
      <c r="A384" s="39" t="s">
        <v>294</v>
      </c>
      <c r="B384" s="40"/>
      <c r="C384" s="71">
        <v>3.3648790746582544</v>
      </c>
      <c r="D384" s="72">
        <v>3.5363457760314341</v>
      </c>
      <c r="E384" s="18">
        <v>2.8571428571428572</v>
      </c>
      <c r="F384" s="18">
        <v>3.9603960396039604</v>
      </c>
      <c r="G384" s="25">
        <v>3.8461538461538463</v>
      </c>
      <c r="H384" s="75">
        <v>0</v>
      </c>
      <c r="I384" s="18">
        <v>1.2345679012345678</v>
      </c>
      <c r="J384" s="18">
        <v>2.7522935779816518</v>
      </c>
      <c r="K384" s="18">
        <v>0</v>
      </c>
      <c r="L384" s="18">
        <v>2.8985507246376812</v>
      </c>
      <c r="M384" s="18">
        <v>5.1282051282051277</v>
      </c>
      <c r="N384" s="18">
        <v>4.2857142857142856</v>
      </c>
      <c r="O384" s="18">
        <v>5.2631578947368416</v>
      </c>
      <c r="P384" s="18">
        <v>5.2631578947368416</v>
      </c>
      <c r="Q384" s="18">
        <v>2.2222222222222223</v>
      </c>
      <c r="R384" s="18">
        <v>0</v>
      </c>
      <c r="S384" s="18">
        <v>0</v>
      </c>
      <c r="T384" s="73">
        <v>8.5106382978723403</v>
      </c>
      <c r="U384" s="73">
        <v>1.9230769230769231</v>
      </c>
      <c r="V384" s="73">
        <v>17.241379310344829</v>
      </c>
      <c r="W384" s="25">
        <v>1.9417475728155338</v>
      </c>
    </row>
    <row r="385" spans="1:23" s="2" customFormat="1" ht="32.25" customHeight="1" x14ac:dyDescent="0.15">
      <c r="A385" s="39" t="s">
        <v>295</v>
      </c>
      <c r="B385" s="40"/>
      <c r="C385" s="71">
        <v>9.0431125131440595</v>
      </c>
      <c r="D385" s="72">
        <v>8.6444007858546161</v>
      </c>
      <c r="E385" s="18">
        <v>8.2539682539682531</v>
      </c>
      <c r="F385" s="18">
        <v>9.9009900990099009</v>
      </c>
      <c r="G385" s="25">
        <v>23.076923076923077</v>
      </c>
      <c r="H385" s="75">
        <v>0</v>
      </c>
      <c r="I385" s="18">
        <v>2.4691358024691357</v>
      </c>
      <c r="J385" s="18">
        <v>10.091743119266056</v>
      </c>
      <c r="K385" s="18">
        <v>68.421052631578945</v>
      </c>
      <c r="L385" s="18">
        <v>13.043478260869565</v>
      </c>
      <c r="M385" s="18">
        <v>8.9743589743589745</v>
      </c>
      <c r="N385" s="18">
        <v>10</v>
      </c>
      <c r="O385" s="18">
        <v>24.561403508771928</v>
      </c>
      <c r="P385" s="18">
        <v>5.2631578947368416</v>
      </c>
      <c r="Q385" s="18">
        <v>8.8888888888888893</v>
      </c>
      <c r="R385" s="18">
        <v>2.6315789473684208</v>
      </c>
      <c r="S385" s="18">
        <v>4</v>
      </c>
      <c r="T385" s="73">
        <v>6.3829787234042552</v>
      </c>
      <c r="U385" s="73">
        <v>2.5641025641025639</v>
      </c>
      <c r="V385" s="73">
        <v>6.8965517241379306</v>
      </c>
      <c r="W385" s="25">
        <v>6.7961165048543686</v>
      </c>
    </row>
    <row r="386" spans="1:23" s="2" customFormat="1" ht="32.25" customHeight="1" thickBot="1" x14ac:dyDescent="0.2">
      <c r="A386" s="46" t="s">
        <v>296</v>
      </c>
      <c r="B386" s="47"/>
      <c r="C386" s="76">
        <v>3.0494216614090432</v>
      </c>
      <c r="D386" s="77">
        <v>2.9469548133595285</v>
      </c>
      <c r="E386" s="29">
        <v>3.1746031746031744</v>
      </c>
      <c r="F386" s="29">
        <v>2.9702970297029703</v>
      </c>
      <c r="G386" s="30">
        <v>3.8461538461538463</v>
      </c>
      <c r="H386" s="66">
        <v>0</v>
      </c>
      <c r="I386" s="29">
        <v>7.4074074074074066</v>
      </c>
      <c r="J386" s="29">
        <v>1.834862385321101</v>
      </c>
      <c r="K386" s="29">
        <v>0</v>
      </c>
      <c r="L386" s="29">
        <v>1.4492753623188406</v>
      </c>
      <c r="M386" s="29">
        <v>1.2820512820512819</v>
      </c>
      <c r="N386" s="29">
        <v>7.1428571428571423</v>
      </c>
      <c r="O386" s="29">
        <v>8.7719298245614024</v>
      </c>
      <c r="P386" s="29">
        <v>0</v>
      </c>
      <c r="Q386" s="29">
        <v>4.4444444444444446</v>
      </c>
      <c r="R386" s="29">
        <v>5.2631578947368416</v>
      </c>
      <c r="S386" s="29">
        <v>0</v>
      </c>
      <c r="T386" s="65">
        <v>2.1276595744680851</v>
      </c>
      <c r="U386" s="65">
        <v>1.2820512820512819</v>
      </c>
      <c r="V386" s="65">
        <v>3.4482758620689653</v>
      </c>
      <c r="W386" s="30">
        <v>0.97087378640776689</v>
      </c>
    </row>
    <row r="387" spans="1:23" s="2" customFormat="1" x14ac:dyDescent="0.15"/>
    <row r="388" spans="1:23" s="2" customFormat="1" x14ac:dyDescent="0.15">
      <c r="A388" s="2" t="s">
        <v>297</v>
      </c>
      <c r="F388" s="2" t="s">
        <v>449</v>
      </c>
    </row>
    <row r="389" spans="1:23" s="2" customFormat="1" ht="14.25" thickBot="1" x14ac:dyDescent="0.2">
      <c r="V389" s="1"/>
      <c r="W389" s="1" t="s">
        <v>75</v>
      </c>
    </row>
    <row r="390" spans="1:23" s="2" customFormat="1" x14ac:dyDescent="0.15">
      <c r="A390" s="4"/>
      <c r="B390" s="5" t="s">
        <v>76</v>
      </c>
      <c r="C390" s="67"/>
      <c r="D390" s="37" t="s">
        <v>15</v>
      </c>
      <c r="E390" s="38"/>
      <c r="F390" s="38"/>
      <c r="G390" s="48"/>
      <c r="H390" s="37" t="s">
        <v>20</v>
      </c>
      <c r="I390" s="38"/>
      <c r="J390" s="38"/>
      <c r="K390" s="38"/>
      <c r="L390" s="38"/>
      <c r="M390" s="38"/>
      <c r="N390" s="38"/>
      <c r="O390" s="38"/>
      <c r="P390" s="38"/>
      <c r="Q390" s="38"/>
      <c r="R390" s="38"/>
      <c r="S390" s="38"/>
      <c r="T390" s="38"/>
      <c r="U390" s="38"/>
      <c r="V390" s="38"/>
      <c r="W390" s="48"/>
    </row>
    <row r="391" spans="1:23" s="2" customFormat="1" ht="54.75" thickBot="1" x14ac:dyDescent="0.2">
      <c r="A391" s="13" t="s">
        <v>87</v>
      </c>
      <c r="C391" s="68" t="s">
        <v>19</v>
      </c>
      <c r="D391" s="50" t="s">
        <v>298</v>
      </c>
      <c r="E391" s="51" t="s">
        <v>151</v>
      </c>
      <c r="F391" s="51" t="s">
        <v>109</v>
      </c>
      <c r="G391" s="52" t="s">
        <v>1</v>
      </c>
      <c r="H391" s="53" t="s">
        <v>2</v>
      </c>
      <c r="I391" s="11" t="s">
        <v>89</v>
      </c>
      <c r="J391" s="11" t="s">
        <v>129</v>
      </c>
      <c r="K391" s="54" t="s">
        <v>91</v>
      </c>
      <c r="L391" s="55" t="s">
        <v>4</v>
      </c>
      <c r="M391" s="56" t="s">
        <v>5</v>
      </c>
      <c r="N391" s="55" t="s">
        <v>82</v>
      </c>
      <c r="O391" s="55" t="s">
        <v>6</v>
      </c>
      <c r="P391" s="56" t="s">
        <v>7</v>
      </c>
      <c r="Q391" s="57" t="s">
        <v>8</v>
      </c>
      <c r="R391" s="56" t="s">
        <v>9</v>
      </c>
      <c r="S391" s="55" t="s">
        <v>10</v>
      </c>
      <c r="T391" s="55" t="s">
        <v>11</v>
      </c>
      <c r="U391" s="55" t="s">
        <v>12</v>
      </c>
      <c r="V391" s="58" t="s">
        <v>83</v>
      </c>
      <c r="W391" s="59" t="s">
        <v>13</v>
      </c>
    </row>
    <row r="392" spans="1:23" s="2" customFormat="1" ht="32.25" customHeight="1" x14ac:dyDescent="0.15">
      <c r="A392" s="37" t="s">
        <v>299</v>
      </c>
      <c r="B392" s="38"/>
      <c r="C392" s="69">
        <v>95.706806282722511</v>
      </c>
      <c r="D392" s="70">
        <v>95.294117647058812</v>
      </c>
      <c r="E392" s="63">
        <v>96.214511041009459</v>
      </c>
      <c r="F392" s="63">
        <v>97.029702970297024</v>
      </c>
      <c r="G392" s="15">
        <v>92.592592592592595</v>
      </c>
      <c r="H392" s="62">
        <v>100</v>
      </c>
      <c r="I392" s="63">
        <v>97.53086419753086</v>
      </c>
      <c r="J392" s="63">
        <v>96.330275229357795</v>
      </c>
      <c r="K392" s="63">
        <v>77.777777777777786</v>
      </c>
      <c r="L392" s="63">
        <v>97.101449275362313</v>
      </c>
      <c r="M392" s="63">
        <v>98.734177215189874</v>
      </c>
      <c r="N392" s="63">
        <v>95.774647887323937</v>
      </c>
      <c r="O392" s="63">
        <v>91.525423728813564</v>
      </c>
      <c r="P392" s="63">
        <v>100</v>
      </c>
      <c r="Q392" s="63">
        <v>97.777777777777771</v>
      </c>
      <c r="R392" s="63">
        <v>92.10526315789474</v>
      </c>
      <c r="S392" s="63">
        <v>88</v>
      </c>
      <c r="T392" s="61">
        <v>93.75</v>
      </c>
      <c r="U392" s="61">
        <v>94.936708860759495</v>
      </c>
      <c r="V392" s="61">
        <v>100</v>
      </c>
      <c r="W392" s="15">
        <v>98.039215686274503</v>
      </c>
    </row>
    <row r="393" spans="1:23" s="2" customFormat="1" ht="32.25" customHeight="1" thickBot="1" x14ac:dyDescent="0.2">
      <c r="A393" s="46" t="s">
        <v>300</v>
      </c>
      <c r="B393" s="47"/>
      <c r="C393" s="76">
        <v>4.2931937172774868</v>
      </c>
      <c r="D393" s="77">
        <v>4.7058823529411766</v>
      </c>
      <c r="E393" s="29">
        <v>3.7854889589905363</v>
      </c>
      <c r="F393" s="29">
        <v>2.9702970297029703</v>
      </c>
      <c r="G393" s="30">
        <v>7.4074074074074066</v>
      </c>
      <c r="H393" s="66">
        <v>0</v>
      </c>
      <c r="I393" s="29">
        <v>2.4691358024691357</v>
      </c>
      <c r="J393" s="29">
        <v>3.669724770642202</v>
      </c>
      <c r="K393" s="29">
        <v>22.222222222222221</v>
      </c>
      <c r="L393" s="29">
        <v>2.8985507246376812</v>
      </c>
      <c r="M393" s="29">
        <v>1.2658227848101267</v>
      </c>
      <c r="N393" s="29">
        <v>4.225352112676056</v>
      </c>
      <c r="O393" s="29">
        <v>8.4745762711864394</v>
      </c>
      <c r="P393" s="29">
        <v>0</v>
      </c>
      <c r="Q393" s="29">
        <v>2.2222222222222223</v>
      </c>
      <c r="R393" s="29">
        <v>7.8947368421052628</v>
      </c>
      <c r="S393" s="29">
        <v>12</v>
      </c>
      <c r="T393" s="65">
        <v>6.25</v>
      </c>
      <c r="U393" s="65">
        <v>5.0632911392405067</v>
      </c>
      <c r="V393" s="65">
        <v>0</v>
      </c>
      <c r="W393" s="30">
        <v>1.9607843137254901</v>
      </c>
    </row>
    <row r="394" spans="1:23" s="2" customFormat="1" x14ac:dyDescent="0.15"/>
    <row r="395" spans="1:23" s="2" customFormat="1" x14ac:dyDescent="0.15">
      <c r="A395" s="2" t="s">
        <v>301</v>
      </c>
      <c r="F395" s="2" t="s">
        <v>450</v>
      </c>
    </row>
    <row r="396" spans="1:23" s="2" customFormat="1" ht="14.25" thickBot="1" x14ac:dyDescent="0.2">
      <c r="V396" s="1"/>
      <c r="W396" s="1" t="s">
        <v>75</v>
      </c>
    </row>
    <row r="397" spans="1:23" s="2" customFormat="1" x14ac:dyDescent="0.15">
      <c r="A397" s="4"/>
      <c r="B397" s="5" t="s">
        <v>76</v>
      </c>
      <c r="C397" s="67"/>
      <c r="D397" s="37" t="s">
        <v>15</v>
      </c>
      <c r="E397" s="38"/>
      <c r="F397" s="38"/>
      <c r="G397" s="48"/>
      <c r="H397" s="37" t="s">
        <v>20</v>
      </c>
      <c r="I397" s="38"/>
      <c r="J397" s="38"/>
      <c r="K397" s="38"/>
      <c r="L397" s="38"/>
      <c r="M397" s="38"/>
      <c r="N397" s="38"/>
      <c r="O397" s="38"/>
      <c r="P397" s="38"/>
      <c r="Q397" s="38"/>
      <c r="R397" s="38"/>
      <c r="S397" s="38"/>
      <c r="T397" s="38"/>
      <c r="U397" s="38"/>
      <c r="V397" s="38"/>
      <c r="W397" s="48"/>
    </row>
    <row r="398" spans="1:23" s="2" customFormat="1" ht="54.75" thickBot="1" x14ac:dyDescent="0.2">
      <c r="A398" s="13" t="s">
        <v>87</v>
      </c>
      <c r="C398" s="68" t="s">
        <v>19</v>
      </c>
      <c r="D398" s="50" t="s">
        <v>61</v>
      </c>
      <c r="E398" s="51" t="s">
        <v>127</v>
      </c>
      <c r="F398" s="51" t="s">
        <v>109</v>
      </c>
      <c r="G398" s="52" t="s">
        <v>1</v>
      </c>
      <c r="H398" s="53" t="s">
        <v>2</v>
      </c>
      <c r="I398" s="11" t="s">
        <v>89</v>
      </c>
      <c r="J398" s="11" t="s">
        <v>152</v>
      </c>
      <c r="K398" s="54" t="s">
        <v>183</v>
      </c>
      <c r="L398" s="55" t="s">
        <v>4</v>
      </c>
      <c r="M398" s="56" t="s">
        <v>5</v>
      </c>
      <c r="N398" s="55" t="s">
        <v>82</v>
      </c>
      <c r="O398" s="55" t="s">
        <v>6</v>
      </c>
      <c r="P398" s="56" t="s">
        <v>7</v>
      </c>
      <c r="Q398" s="57" t="s">
        <v>8</v>
      </c>
      <c r="R398" s="56" t="s">
        <v>9</v>
      </c>
      <c r="S398" s="55" t="s">
        <v>10</v>
      </c>
      <c r="T398" s="55" t="s">
        <v>11</v>
      </c>
      <c r="U398" s="55" t="s">
        <v>12</v>
      </c>
      <c r="V398" s="58" t="s">
        <v>83</v>
      </c>
      <c r="W398" s="59" t="s">
        <v>13</v>
      </c>
    </row>
    <row r="399" spans="1:23" s="2" customFormat="1" ht="32.25" customHeight="1" x14ac:dyDescent="0.15">
      <c r="A399" s="4" t="s">
        <v>302</v>
      </c>
      <c r="B399" s="38"/>
      <c r="C399" s="69">
        <v>2.5466893039049237</v>
      </c>
      <c r="D399" s="70">
        <v>0.70521861777150918</v>
      </c>
      <c r="E399" s="63">
        <v>2.0588235294117645</v>
      </c>
      <c r="F399" s="63">
        <v>7.8431372549019605</v>
      </c>
      <c r="G399" s="15">
        <v>37.037037037037038</v>
      </c>
      <c r="H399" s="62">
        <v>0</v>
      </c>
      <c r="I399" s="63">
        <v>0</v>
      </c>
      <c r="J399" s="63">
        <v>6.3380281690140841</v>
      </c>
      <c r="K399" s="63">
        <v>0</v>
      </c>
      <c r="L399" s="63">
        <v>0</v>
      </c>
      <c r="M399" s="63">
        <v>0</v>
      </c>
      <c r="N399" s="63">
        <v>1.1363636363636365</v>
      </c>
      <c r="O399" s="63">
        <v>3.3333333333333335</v>
      </c>
      <c r="P399" s="63">
        <v>0</v>
      </c>
      <c r="Q399" s="63">
        <v>0</v>
      </c>
      <c r="R399" s="63">
        <v>0</v>
      </c>
      <c r="S399" s="63">
        <v>0</v>
      </c>
      <c r="T399" s="61">
        <v>0</v>
      </c>
      <c r="U399" s="61">
        <v>10.112359550561797</v>
      </c>
      <c r="V399" s="61">
        <v>0</v>
      </c>
      <c r="W399" s="15">
        <v>0</v>
      </c>
    </row>
    <row r="400" spans="1:23" s="2" customFormat="1" ht="32.25" customHeight="1" x14ac:dyDescent="0.15">
      <c r="A400" s="93"/>
      <c r="B400" s="40" t="s">
        <v>214</v>
      </c>
      <c r="C400" s="71">
        <v>9.5238095238095237</v>
      </c>
      <c r="D400" s="72">
        <v>0</v>
      </c>
      <c r="E400" s="18">
        <v>20</v>
      </c>
      <c r="F400" s="18">
        <v>12.5</v>
      </c>
      <c r="G400" s="25">
        <v>0</v>
      </c>
      <c r="H400" s="75">
        <v>0</v>
      </c>
      <c r="I400" s="18">
        <v>0</v>
      </c>
      <c r="J400" s="18">
        <v>16.666666666666664</v>
      </c>
      <c r="K400" s="18">
        <v>0</v>
      </c>
      <c r="L400" s="18">
        <v>0</v>
      </c>
      <c r="M400" s="18">
        <v>0</v>
      </c>
      <c r="N400" s="18">
        <v>0</v>
      </c>
      <c r="O400" s="18">
        <v>0</v>
      </c>
      <c r="P400" s="18">
        <v>0</v>
      </c>
      <c r="Q400" s="18">
        <v>0</v>
      </c>
      <c r="R400" s="18">
        <v>0</v>
      </c>
      <c r="S400" s="18">
        <v>0</v>
      </c>
      <c r="T400" s="73">
        <v>0</v>
      </c>
      <c r="U400" s="73">
        <v>7.1428571428571423</v>
      </c>
      <c r="V400" s="73">
        <v>0</v>
      </c>
      <c r="W400" s="25">
        <v>0</v>
      </c>
    </row>
    <row r="401" spans="1:23" s="2" customFormat="1" ht="32.25" customHeight="1" x14ac:dyDescent="0.15">
      <c r="A401" s="93"/>
      <c r="B401" s="24" t="s">
        <v>215</v>
      </c>
      <c r="C401" s="71">
        <v>90.476190476190482</v>
      </c>
      <c r="D401" s="72">
        <v>100</v>
      </c>
      <c r="E401" s="18">
        <v>80</v>
      </c>
      <c r="F401" s="18">
        <v>87.5</v>
      </c>
      <c r="G401" s="25">
        <v>100</v>
      </c>
      <c r="H401" s="75">
        <v>0</v>
      </c>
      <c r="I401" s="18">
        <v>0</v>
      </c>
      <c r="J401" s="18">
        <v>83.333333333333343</v>
      </c>
      <c r="K401" s="18">
        <v>0</v>
      </c>
      <c r="L401" s="18">
        <v>0</v>
      </c>
      <c r="M401" s="18">
        <v>0</v>
      </c>
      <c r="N401" s="18">
        <v>0</v>
      </c>
      <c r="O401" s="18">
        <v>100</v>
      </c>
      <c r="P401" s="18">
        <v>0</v>
      </c>
      <c r="Q401" s="18">
        <v>0</v>
      </c>
      <c r="R401" s="18">
        <v>0</v>
      </c>
      <c r="S401" s="18">
        <v>0</v>
      </c>
      <c r="T401" s="73">
        <v>0</v>
      </c>
      <c r="U401" s="73">
        <v>92.857142857142861</v>
      </c>
      <c r="V401" s="73">
        <v>0</v>
      </c>
      <c r="W401" s="25">
        <v>0</v>
      </c>
    </row>
    <row r="402" spans="1:23" s="2" customFormat="1" ht="32.25" customHeight="1" x14ac:dyDescent="0.15">
      <c r="A402" s="39" t="s">
        <v>303</v>
      </c>
      <c r="B402" s="40"/>
      <c r="C402" s="88">
        <v>97.453310696095073</v>
      </c>
      <c r="D402" s="89">
        <v>99.294781382228493</v>
      </c>
      <c r="E402" s="26">
        <v>97.941176470588232</v>
      </c>
      <c r="F402" s="26">
        <v>92.156862745098039</v>
      </c>
      <c r="G402" s="27">
        <v>62.962962962962962</v>
      </c>
      <c r="H402" s="90">
        <v>100</v>
      </c>
      <c r="I402" s="26">
        <v>100</v>
      </c>
      <c r="J402" s="26">
        <v>93.661971830985919</v>
      </c>
      <c r="K402" s="26">
        <v>100</v>
      </c>
      <c r="L402" s="26">
        <v>100</v>
      </c>
      <c r="M402" s="26">
        <v>100</v>
      </c>
      <c r="N402" s="26">
        <v>98.86363636363636</v>
      </c>
      <c r="O402" s="26">
        <v>96.666666666666671</v>
      </c>
      <c r="P402" s="26">
        <v>100</v>
      </c>
      <c r="Q402" s="26">
        <v>100</v>
      </c>
      <c r="R402" s="26">
        <v>100</v>
      </c>
      <c r="S402" s="26">
        <v>100</v>
      </c>
      <c r="T402" s="91">
        <v>100</v>
      </c>
      <c r="U402" s="91">
        <v>89.887640449438194</v>
      </c>
      <c r="V402" s="91">
        <v>100</v>
      </c>
      <c r="W402" s="25">
        <v>100</v>
      </c>
    </row>
    <row r="403" spans="1:23" s="2" customFormat="1" ht="32.25" customHeight="1" thickBot="1" x14ac:dyDescent="0.2">
      <c r="A403" s="46" t="s">
        <v>304</v>
      </c>
      <c r="B403" s="47"/>
      <c r="C403" s="76">
        <v>13.333333333333334</v>
      </c>
      <c r="D403" s="77">
        <v>0</v>
      </c>
      <c r="E403" s="29">
        <v>14.285714285714285</v>
      </c>
      <c r="F403" s="29">
        <v>25</v>
      </c>
      <c r="G403" s="30">
        <v>10</v>
      </c>
      <c r="H403" s="66">
        <v>0</v>
      </c>
      <c r="I403" s="29">
        <v>0</v>
      </c>
      <c r="J403" s="29">
        <v>22.222222222222221</v>
      </c>
      <c r="K403" s="29">
        <v>0</v>
      </c>
      <c r="L403" s="29">
        <v>0</v>
      </c>
      <c r="M403" s="29">
        <v>0</v>
      </c>
      <c r="N403" s="29">
        <v>0</v>
      </c>
      <c r="O403" s="29">
        <v>0</v>
      </c>
      <c r="P403" s="29">
        <v>0</v>
      </c>
      <c r="Q403" s="29">
        <v>0</v>
      </c>
      <c r="R403" s="29">
        <v>0</v>
      </c>
      <c r="S403" s="29">
        <v>0</v>
      </c>
      <c r="T403" s="65">
        <v>0</v>
      </c>
      <c r="U403" s="65">
        <v>11.111111111111111</v>
      </c>
      <c r="V403" s="65">
        <v>0</v>
      </c>
      <c r="W403" s="30">
        <v>0</v>
      </c>
    </row>
    <row r="404" spans="1:23" s="2" customFormat="1" x14ac:dyDescent="0.15"/>
    <row r="405" spans="1:23" s="2" customFormat="1" x14ac:dyDescent="0.15"/>
    <row r="406" spans="1:23" s="2" customFormat="1" x14ac:dyDescent="0.15"/>
    <row r="407" spans="1:23" s="2" customFormat="1" x14ac:dyDescent="0.15">
      <c r="A407" s="2" t="s">
        <v>305</v>
      </c>
      <c r="F407" s="2" t="s">
        <v>451</v>
      </c>
    </row>
    <row r="408" spans="1:23" s="2" customFormat="1" ht="14.25" thickBot="1" x14ac:dyDescent="0.2">
      <c r="V408" s="1"/>
      <c r="W408" s="1" t="s">
        <v>75</v>
      </c>
    </row>
    <row r="409" spans="1:23" s="2" customFormat="1" x14ac:dyDescent="0.15">
      <c r="A409" s="4"/>
      <c r="B409" s="5" t="s">
        <v>76</v>
      </c>
      <c r="C409" s="67"/>
      <c r="D409" s="37" t="s">
        <v>15</v>
      </c>
      <c r="E409" s="38"/>
      <c r="F409" s="38"/>
      <c r="G409" s="48"/>
      <c r="H409" s="37" t="s">
        <v>20</v>
      </c>
      <c r="I409" s="38"/>
      <c r="J409" s="38"/>
      <c r="K409" s="38"/>
      <c r="L409" s="38"/>
      <c r="M409" s="38"/>
      <c r="N409" s="38"/>
      <c r="O409" s="38"/>
      <c r="P409" s="38"/>
      <c r="Q409" s="38"/>
      <c r="R409" s="38"/>
      <c r="S409" s="38"/>
      <c r="T409" s="38"/>
      <c r="U409" s="38"/>
      <c r="V409" s="38"/>
      <c r="W409" s="48"/>
    </row>
    <row r="410" spans="1:23" s="2" customFormat="1" ht="54.75" thickBot="1" x14ac:dyDescent="0.2">
      <c r="A410" s="13" t="s">
        <v>87</v>
      </c>
      <c r="C410" s="68" t="s">
        <v>19</v>
      </c>
      <c r="D410" s="50" t="s">
        <v>174</v>
      </c>
      <c r="E410" s="51" t="s">
        <v>151</v>
      </c>
      <c r="F410" s="51" t="s">
        <v>306</v>
      </c>
      <c r="G410" s="52" t="s">
        <v>1</v>
      </c>
      <c r="H410" s="53" t="s">
        <v>2</v>
      </c>
      <c r="I410" s="11" t="s">
        <v>105</v>
      </c>
      <c r="J410" s="11" t="s">
        <v>152</v>
      </c>
      <c r="K410" s="54" t="s">
        <v>183</v>
      </c>
      <c r="L410" s="55" t="s">
        <v>4</v>
      </c>
      <c r="M410" s="56" t="s">
        <v>5</v>
      </c>
      <c r="N410" s="55" t="s">
        <v>82</v>
      </c>
      <c r="O410" s="55" t="s">
        <v>6</v>
      </c>
      <c r="P410" s="56" t="s">
        <v>7</v>
      </c>
      <c r="Q410" s="57" t="s">
        <v>8</v>
      </c>
      <c r="R410" s="56" t="s">
        <v>9</v>
      </c>
      <c r="S410" s="55" t="s">
        <v>10</v>
      </c>
      <c r="T410" s="55" t="s">
        <v>11</v>
      </c>
      <c r="U410" s="55" t="s">
        <v>12</v>
      </c>
      <c r="V410" s="58" t="s">
        <v>83</v>
      </c>
      <c r="W410" s="59" t="s">
        <v>13</v>
      </c>
    </row>
    <row r="411" spans="1:23" s="2" customFormat="1" ht="32.25" customHeight="1" x14ac:dyDescent="0.15">
      <c r="A411" s="4" t="s">
        <v>234</v>
      </c>
      <c r="B411" s="38"/>
      <c r="C411" s="69">
        <v>81.93172356369692</v>
      </c>
      <c r="D411" s="70">
        <v>76.137931034482747</v>
      </c>
      <c r="E411" s="63">
        <v>89.884393063583815</v>
      </c>
      <c r="F411" s="63">
        <v>92.233009708737868</v>
      </c>
      <c r="G411" s="15">
        <v>96.296296296296291</v>
      </c>
      <c r="H411" s="62">
        <v>63.636363636363633</v>
      </c>
      <c r="I411" s="63">
        <v>83.620689655172413</v>
      </c>
      <c r="J411" s="63">
        <v>81.818181818181827</v>
      </c>
      <c r="K411" s="63">
        <v>89.473684210526315</v>
      </c>
      <c r="L411" s="63">
        <v>87.837837837837839</v>
      </c>
      <c r="M411" s="63">
        <v>73.584905660377359</v>
      </c>
      <c r="N411" s="63">
        <v>80</v>
      </c>
      <c r="O411" s="63">
        <v>83.606557377049185</v>
      </c>
      <c r="P411" s="63">
        <v>67.857142857142861</v>
      </c>
      <c r="Q411" s="63">
        <v>74.285714285714292</v>
      </c>
      <c r="R411" s="63">
        <v>79.032258064516128</v>
      </c>
      <c r="S411" s="63">
        <v>82.857142857142861</v>
      </c>
      <c r="T411" s="61">
        <v>92.156862745098039</v>
      </c>
      <c r="U411" s="61">
        <v>83.707865168539328</v>
      </c>
      <c r="V411" s="61">
        <v>93.333333333333329</v>
      </c>
      <c r="W411" s="15">
        <v>84.251968503937007</v>
      </c>
    </row>
    <row r="412" spans="1:23" s="2" customFormat="1" ht="32.25" customHeight="1" x14ac:dyDescent="0.15">
      <c r="A412" s="93"/>
      <c r="B412" s="40" t="s">
        <v>307</v>
      </c>
      <c r="C412" s="88">
        <v>83.333333333333343</v>
      </c>
      <c r="D412" s="89">
        <v>79.528985507246375</v>
      </c>
      <c r="E412" s="26">
        <v>87.459807073954991</v>
      </c>
      <c r="F412" s="26">
        <v>91.578947368421055</v>
      </c>
      <c r="G412" s="27">
        <v>84.615384615384613</v>
      </c>
      <c r="H412" s="90">
        <v>71.428571428571431</v>
      </c>
      <c r="I412" s="26">
        <v>88.659793814432987</v>
      </c>
      <c r="J412" s="26">
        <v>82.90598290598291</v>
      </c>
      <c r="K412" s="26">
        <v>100</v>
      </c>
      <c r="L412" s="26">
        <v>75.384615384615387</v>
      </c>
      <c r="M412" s="26">
        <v>84.615384615384613</v>
      </c>
      <c r="N412" s="26">
        <v>79.166666666666657</v>
      </c>
      <c r="O412" s="26">
        <v>92.156862745098039</v>
      </c>
      <c r="P412" s="26">
        <v>63.157894736842103</v>
      </c>
      <c r="Q412" s="26">
        <v>71.15384615384616</v>
      </c>
      <c r="R412" s="26">
        <v>67.346938775510196</v>
      </c>
      <c r="S412" s="26">
        <v>72.41379310344827</v>
      </c>
      <c r="T412" s="91">
        <v>89.361702127659569</v>
      </c>
      <c r="U412" s="91">
        <v>91.275167785234899</v>
      </c>
      <c r="V412" s="91">
        <v>96.428571428571431</v>
      </c>
      <c r="W412" s="25">
        <v>82.242990654205599</v>
      </c>
    </row>
    <row r="413" spans="1:23" s="2" customFormat="1" ht="32.25" customHeight="1" x14ac:dyDescent="0.15">
      <c r="A413" s="93"/>
      <c r="B413" s="24" t="s">
        <v>308</v>
      </c>
      <c r="C413" s="88">
        <v>6.6056910569105689</v>
      </c>
      <c r="D413" s="89">
        <v>6.3405797101449277</v>
      </c>
      <c r="E413" s="26">
        <v>6.7524115755627019</v>
      </c>
      <c r="F413" s="26">
        <v>7.3684210526315779</v>
      </c>
      <c r="G413" s="27">
        <v>7.6923076923076925</v>
      </c>
      <c r="H413" s="90">
        <v>14.285714285714285</v>
      </c>
      <c r="I413" s="26">
        <v>7.216494845360824</v>
      </c>
      <c r="J413" s="26">
        <v>10.256410256410255</v>
      </c>
      <c r="K413" s="26">
        <v>0</v>
      </c>
      <c r="L413" s="26">
        <v>12.307692307692308</v>
      </c>
      <c r="M413" s="26">
        <v>6.4102564102564097</v>
      </c>
      <c r="N413" s="26">
        <v>12.5</v>
      </c>
      <c r="O413" s="26">
        <v>3.9215686274509802</v>
      </c>
      <c r="P413" s="26">
        <v>21.052631578947366</v>
      </c>
      <c r="Q413" s="26">
        <v>5.7692307692307692</v>
      </c>
      <c r="R413" s="26">
        <v>4.0816326530612246</v>
      </c>
      <c r="S413" s="26">
        <v>6.8965517241379306</v>
      </c>
      <c r="T413" s="91">
        <v>4.2553191489361701</v>
      </c>
      <c r="U413" s="91">
        <v>1.3422818791946309</v>
      </c>
      <c r="V413" s="91">
        <v>7.1428571428571423</v>
      </c>
      <c r="W413" s="25">
        <v>3.7383177570093453</v>
      </c>
    </row>
    <row r="414" spans="1:23" s="2" customFormat="1" ht="32.25" customHeight="1" x14ac:dyDescent="0.15">
      <c r="A414" s="93"/>
      <c r="B414" s="24" t="s">
        <v>309</v>
      </c>
      <c r="C414" s="88">
        <v>30.386178861788615</v>
      </c>
      <c r="D414" s="89">
        <v>30.434782608695656</v>
      </c>
      <c r="E414" s="26">
        <v>30.54662379421222</v>
      </c>
      <c r="F414" s="26">
        <v>30.526315789473685</v>
      </c>
      <c r="G414" s="27">
        <v>26.923076923076923</v>
      </c>
      <c r="H414" s="90">
        <v>14.285714285714285</v>
      </c>
      <c r="I414" s="26">
        <v>19.587628865979383</v>
      </c>
      <c r="J414" s="26">
        <v>34.188034188034187</v>
      </c>
      <c r="K414" s="26">
        <v>5.8823529411764701</v>
      </c>
      <c r="L414" s="26">
        <v>36.923076923076927</v>
      </c>
      <c r="M414" s="26">
        <v>35.897435897435898</v>
      </c>
      <c r="N414" s="26">
        <v>30.555555555555557</v>
      </c>
      <c r="O414" s="26">
        <v>17.647058823529413</v>
      </c>
      <c r="P414" s="26">
        <v>52.631578947368418</v>
      </c>
      <c r="Q414" s="26">
        <v>28.846153846153843</v>
      </c>
      <c r="R414" s="26">
        <v>55.102040816326522</v>
      </c>
      <c r="S414" s="26">
        <v>27.586206896551722</v>
      </c>
      <c r="T414" s="91">
        <v>42.553191489361701</v>
      </c>
      <c r="U414" s="91">
        <v>26.845637583892618</v>
      </c>
      <c r="V414" s="91">
        <v>32.142857142857146</v>
      </c>
      <c r="W414" s="25">
        <v>24.299065420560748</v>
      </c>
    </row>
    <row r="415" spans="1:23" s="2" customFormat="1" ht="32.25" customHeight="1" x14ac:dyDescent="0.15">
      <c r="A415" s="93"/>
      <c r="B415" s="24" t="s">
        <v>310</v>
      </c>
      <c r="C415" s="88">
        <v>2.0325203252032518</v>
      </c>
      <c r="D415" s="89">
        <v>2.1739130434782608</v>
      </c>
      <c r="E415" s="26">
        <v>1.607717041800643</v>
      </c>
      <c r="F415" s="26">
        <v>2.1052631578947367</v>
      </c>
      <c r="G415" s="27">
        <v>3.8461538461538463</v>
      </c>
      <c r="H415" s="90">
        <v>0</v>
      </c>
      <c r="I415" s="26">
        <v>2.0618556701030926</v>
      </c>
      <c r="J415" s="26">
        <v>0</v>
      </c>
      <c r="K415" s="26">
        <v>64.705882352941174</v>
      </c>
      <c r="L415" s="26">
        <v>3.0769230769230771</v>
      </c>
      <c r="M415" s="26">
        <v>0</v>
      </c>
      <c r="N415" s="26">
        <v>0</v>
      </c>
      <c r="O415" s="26">
        <v>3.9215686274509802</v>
      </c>
      <c r="P415" s="26">
        <v>0</v>
      </c>
      <c r="Q415" s="26">
        <v>1.9230769230769231</v>
      </c>
      <c r="R415" s="26">
        <v>0</v>
      </c>
      <c r="S415" s="26">
        <v>0</v>
      </c>
      <c r="T415" s="91">
        <v>0</v>
      </c>
      <c r="U415" s="91">
        <v>0</v>
      </c>
      <c r="V415" s="91">
        <v>3.5714285714285712</v>
      </c>
      <c r="W415" s="25">
        <v>0.93457943925233633</v>
      </c>
    </row>
    <row r="416" spans="1:23" s="2" customFormat="1" ht="32.25" customHeight="1" x14ac:dyDescent="0.15">
      <c r="A416" s="93"/>
      <c r="B416" s="24" t="s">
        <v>170</v>
      </c>
      <c r="C416" s="88">
        <v>1.524390243902439</v>
      </c>
      <c r="D416" s="89">
        <v>2.1739130434782608</v>
      </c>
      <c r="E416" s="26">
        <v>0.32154340836012862</v>
      </c>
      <c r="F416" s="26">
        <v>2.1052631578947367</v>
      </c>
      <c r="G416" s="27">
        <v>0</v>
      </c>
      <c r="H416" s="90">
        <v>0</v>
      </c>
      <c r="I416" s="26">
        <v>0</v>
      </c>
      <c r="J416" s="26">
        <v>0.85470085470085477</v>
      </c>
      <c r="K416" s="26">
        <v>0</v>
      </c>
      <c r="L416" s="26">
        <v>10.76923076923077</v>
      </c>
      <c r="M416" s="26">
        <v>1.2820512820512819</v>
      </c>
      <c r="N416" s="26">
        <v>1.3888888888888888</v>
      </c>
      <c r="O416" s="26">
        <v>0</v>
      </c>
      <c r="P416" s="26">
        <v>0</v>
      </c>
      <c r="Q416" s="26">
        <v>3.8461538461538463</v>
      </c>
      <c r="R416" s="26">
        <v>0</v>
      </c>
      <c r="S416" s="26">
        <v>0</v>
      </c>
      <c r="T416" s="91">
        <v>2.1276595744680851</v>
      </c>
      <c r="U416" s="91">
        <v>0</v>
      </c>
      <c r="V416" s="91">
        <v>0</v>
      </c>
      <c r="W416" s="25">
        <v>1.8691588785046727</v>
      </c>
    </row>
    <row r="417" spans="1:23" s="2" customFormat="1" ht="32.25" customHeight="1" x14ac:dyDescent="0.15">
      <c r="A417" s="93"/>
      <c r="B417" s="24" t="s">
        <v>311</v>
      </c>
      <c r="C417" s="88">
        <v>0.3048780487804878</v>
      </c>
      <c r="D417" s="89">
        <v>0.54347826086956519</v>
      </c>
      <c r="E417" s="26">
        <v>0</v>
      </c>
      <c r="F417" s="26">
        <v>0</v>
      </c>
      <c r="G417" s="27">
        <v>0</v>
      </c>
      <c r="H417" s="90">
        <v>0</v>
      </c>
      <c r="I417" s="26">
        <v>0</v>
      </c>
      <c r="J417" s="26">
        <v>0</v>
      </c>
      <c r="K417" s="26">
        <v>0</v>
      </c>
      <c r="L417" s="26">
        <v>0</v>
      </c>
      <c r="M417" s="26">
        <v>0</v>
      </c>
      <c r="N417" s="26">
        <v>0</v>
      </c>
      <c r="O417" s="26">
        <v>0</v>
      </c>
      <c r="P417" s="26">
        <v>0</v>
      </c>
      <c r="Q417" s="26">
        <v>1.9230769230769231</v>
      </c>
      <c r="R417" s="26">
        <v>0</v>
      </c>
      <c r="S417" s="26">
        <v>0</v>
      </c>
      <c r="T417" s="91">
        <v>2.1276595744680851</v>
      </c>
      <c r="U417" s="91">
        <v>0</v>
      </c>
      <c r="V417" s="91">
        <v>0</v>
      </c>
      <c r="W417" s="25">
        <v>0.93457943925233633</v>
      </c>
    </row>
    <row r="418" spans="1:23" ht="32.25" customHeight="1" x14ac:dyDescent="0.15">
      <c r="A418" s="118"/>
      <c r="B418" s="24" t="s">
        <v>137</v>
      </c>
      <c r="C418" s="88">
        <v>8.6382113821138216</v>
      </c>
      <c r="D418" s="89">
        <v>9.0579710144927539</v>
      </c>
      <c r="E418" s="26">
        <v>7.7170418006430879</v>
      </c>
      <c r="F418" s="26">
        <v>9.4736842105263168</v>
      </c>
      <c r="G418" s="27">
        <v>7.6923076923076925</v>
      </c>
      <c r="H418" s="90">
        <v>14.285714285714285</v>
      </c>
      <c r="I418" s="26">
        <v>10.309278350515463</v>
      </c>
      <c r="J418" s="26">
        <v>4.2735042735042734</v>
      </c>
      <c r="K418" s="26">
        <v>23.52941176470588</v>
      </c>
      <c r="L418" s="26">
        <v>4.6153846153846159</v>
      </c>
      <c r="M418" s="26">
        <v>8.9743589743589745</v>
      </c>
      <c r="N418" s="26">
        <v>6.9444444444444446</v>
      </c>
      <c r="O418" s="26">
        <v>5.8823529411764701</v>
      </c>
      <c r="P418" s="26">
        <v>10.526315789473683</v>
      </c>
      <c r="Q418" s="26">
        <v>15.384615384615385</v>
      </c>
      <c r="R418" s="26">
        <v>16.326530612244898</v>
      </c>
      <c r="S418" s="26">
        <v>10.344827586206897</v>
      </c>
      <c r="T418" s="91">
        <v>17.021276595744681</v>
      </c>
      <c r="U418" s="91">
        <v>4.0268456375838921</v>
      </c>
      <c r="V418" s="91">
        <v>0</v>
      </c>
      <c r="W418" s="25">
        <v>11.214953271028037</v>
      </c>
    </row>
    <row r="419" spans="1:23" ht="32.25" customHeight="1" thickBot="1" x14ac:dyDescent="0.2">
      <c r="A419" s="46" t="s">
        <v>237</v>
      </c>
      <c r="B419" s="47"/>
      <c r="C419" s="76">
        <v>18.06827643630308</v>
      </c>
      <c r="D419" s="77">
        <v>23.862068965517242</v>
      </c>
      <c r="E419" s="29">
        <v>10.115606936416185</v>
      </c>
      <c r="F419" s="29">
        <v>7.7669902912621351</v>
      </c>
      <c r="G419" s="30">
        <v>3.7037037037037033</v>
      </c>
      <c r="H419" s="66">
        <v>36.363636363636367</v>
      </c>
      <c r="I419" s="29">
        <v>16.379310344827587</v>
      </c>
      <c r="J419" s="29">
        <v>18.181818181818183</v>
      </c>
      <c r="K419" s="29">
        <v>10.526315789473683</v>
      </c>
      <c r="L419" s="29">
        <v>12.162162162162163</v>
      </c>
      <c r="M419" s="29">
        <v>26.415094339622641</v>
      </c>
      <c r="N419" s="29">
        <v>20</v>
      </c>
      <c r="O419" s="29">
        <v>16.393442622950818</v>
      </c>
      <c r="P419" s="29">
        <v>32.142857142857146</v>
      </c>
      <c r="Q419" s="29">
        <v>25.714285714285712</v>
      </c>
      <c r="R419" s="29">
        <v>20.967741935483872</v>
      </c>
      <c r="S419" s="29">
        <v>17.142857142857142</v>
      </c>
      <c r="T419" s="65">
        <v>7.8431372549019605</v>
      </c>
      <c r="U419" s="65">
        <v>16.292134831460675</v>
      </c>
      <c r="V419" s="65">
        <v>6.666666666666667</v>
      </c>
      <c r="W419" s="30">
        <v>15.748031496062993</v>
      </c>
    </row>
    <row r="420" spans="1:23" s="2" customFormat="1" x14ac:dyDescent="0.15"/>
    <row r="421" spans="1:23" s="2" customFormat="1" x14ac:dyDescent="0.15"/>
    <row r="422" spans="1:23" s="2" customFormat="1" x14ac:dyDescent="0.15">
      <c r="A422" s="2" t="s">
        <v>312</v>
      </c>
      <c r="F422" s="2" t="s">
        <v>452</v>
      </c>
    </row>
    <row r="423" spans="1:23" s="2" customFormat="1" ht="14.25" thickBot="1" x14ac:dyDescent="0.2">
      <c r="V423" s="1"/>
      <c r="W423" s="1" t="s">
        <v>75</v>
      </c>
    </row>
    <row r="424" spans="1:23" s="2" customFormat="1" x14ac:dyDescent="0.15">
      <c r="A424" s="4"/>
      <c r="B424" s="5" t="s">
        <v>76</v>
      </c>
      <c r="C424" s="67"/>
      <c r="D424" s="37" t="s">
        <v>15</v>
      </c>
      <c r="E424" s="38"/>
      <c r="F424" s="38"/>
      <c r="G424" s="48"/>
      <c r="H424" s="37" t="s">
        <v>20</v>
      </c>
      <c r="I424" s="38"/>
      <c r="J424" s="38"/>
      <c r="K424" s="38"/>
      <c r="L424" s="38"/>
      <c r="M424" s="38"/>
      <c r="N424" s="38"/>
      <c r="O424" s="38"/>
      <c r="P424" s="38"/>
      <c r="Q424" s="38"/>
      <c r="R424" s="38"/>
      <c r="S424" s="38"/>
      <c r="T424" s="38"/>
      <c r="U424" s="38"/>
      <c r="V424" s="38"/>
      <c r="W424" s="48"/>
    </row>
    <row r="425" spans="1:23" s="2" customFormat="1" ht="54.75" thickBot="1" x14ac:dyDescent="0.2">
      <c r="A425" s="13" t="s">
        <v>87</v>
      </c>
      <c r="C425" s="68" t="s">
        <v>19</v>
      </c>
      <c r="D425" s="50" t="s">
        <v>61</v>
      </c>
      <c r="E425" s="51" t="s">
        <v>151</v>
      </c>
      <c r="F425" s="51" t="s">
        <v>128</v>
      </c>
      <c r="G425" s="52" t="s">
        <v>1</v>
      </c>
      <c r="H425" s="53" t="s">
        <v>2</v>
      </c>
      <c r="I425" s="11" t="s">
        <v>89</v>
      </c>
      <c r="J425" s="11" t="s">
        <v>313</v>
      </c>
      <c r="K425" s="54" t="s">
        <v>261</v>
      </c>
      <c r="L425" s="55" t="s">
        <v>4</v>
      </c>
      <c r="M425" s="56" t="s">
        <v>5</v>
      </c>
      <c r="N425" s="55" t="s">
        <v>82</v>
      </c>
      <c r="O425" s="55" t="s">
        <v>6</v>
      </c>
      <c r="P425" s="56" t="s">
        <v>7</v>
      </c>
      <c r="Q425" s="57" t="s">
        <v>8</v>
      </c>
      <c r="R425" s="56" t="s">
        <v>9</v>
      </c>
      <c r="S425" s="55" t="s">
        <v>10</v>
      </c>
      <c r="T425" s="55" t="s">
        <v>11</v>
      </c>
      <c r="U425" s="55" t="s">
        <v>12</v>
      </c>
      <c r="V425" s="58" t="s">
        <v>83</v>
      </c>
      <c r="W425" s="59" t="s">
        <v>13</v>
      </c>
    </row>
    <row r="426" spans="1:23" s="2" customFormat="1" ht="37.5" customHeight="1" x14ac:dyDescent="0.15">
      <c r="A426" s="4" t="s">
        <v>281</v>
      </c>
      <c r="B426" s="38"/>
      <c r="C426" s="69">
        <v>28.40909090909091</v>
      </c>
      <c r="D426" s="70">
        <v>30.723781388478582</v>
      </c>
      <c r="E426" s="63">
        <v>25.513196480938415</v>
      </c>
      <c r="F426" s="63">
        <v>23</v>
      </c>
      <c r="G426" s="15">
        <v>26.923076923076923</v>
      </c>
      <c r="H426" s="62">
        <v>30</v>
      </c>
      <c r="I426" s="63">
        <v>27.102803738317753</v>
      </c>
      <c r="J426" s="63">
        <v>17.021276595744681</v>
      </c>
      <c r="K426" s="63">
        <v>38.888888888888893</v>
      </c>
      <c r="L426" s="63">
        <v>21.917808219178081</v>
      </c>
      <c r="M426" s="63">
        <v>32.989690721649481</v>
      </c>
      <c r="N426" s="63">
        <v>37.5</v>
      </c>
      <c r="O426" s="63">
        <v>33.898305084745758</v>
      </c>
      <c r="P426" s="63">
        <v>25</v>
      </c>
      <c r="Q426" s="63">
        <v>15.625</v>
      </c>
      <c r="R426" s="63">
        <v>40</v>
      </c>
      <c r="S426" s="63">
        <v>35.294117647058826</v>
      </c>
      <c r="T426" s="61">
        <v>4.0816326530612246</v>
      </c>
      <c r="U426" s="61">
        <v>33.139534883720927</v>
      </c>
      <c r="V426" s="61">
        <v>32.142857142857146</v>
      </c>
      <c r="W426" s="15">
        <v>34.710743801652896</v>
      </c>
    </row>
    <row r="427" spans="1:23" s="2" customFormat="1" ht="37.5" customHeight="1" x14ac:dyDescent="0.15">
      <c r="A427" s="93"/>
      <c r="B427" s="40" t="s">
        <v>314</v>
      </c>
      <c r="C427" s="88">
        <v>7.0804195804195809</v>
      </c>
      <c r="D427" s="89">
        <v>7.6809453471196454</v>
      </c>
      <c r="E427" s="26">
        <v>6.7448680351906152</v>
      </c>
      <c r="F427" s="26">
        <v>5</v>
      </c>
      <c r="G427" s="27">
        <v>3.8461538461538463</v>
      </c>
      <c r="H427" s="90">
        <v>0</v>
      </c>
      <c r="I427" s="26">
        <v>9.3457943925233646</v>
      </c>
      <c r="J427" s="26">
        <v>3.5460992907801421</v>
      </c>
      <c r="K427" s="26">
        <v>0</v>
      </c>
      <c r="L427" s="26">
        <v>12.328767123287671</v>
      </c>
      <c r="M427" s="26">
        <v>13.402061855670103</v>
      </c>
      <c r="N427" s="26">
        <v>7.9545454545454541</v>
      </c>
      <c r="O427" s="26">
        <v>8.4745762711864394</v>
      </c>
      <c r="P427" s="26">
        <v>7.1428571428571423</v>
      </c>
      <c r="Q427" s="26">
        <v>9.375</v>
      </c>
      <c r="R427" s="26">
        <v>1.8181818181818181</v>
      </c>
      <c r="S427" s="26">
        <v>5.8823529411764701</v>
      </c>
      <c r="T427" s="91">
        <v>0</v>
      </c>
      <c r="U427" s="91">
        <v>4.0697674418604652</v>
      </c>
      <c r="V427" s="91">
        <v>17.857142857142858</v>
      </c>
      <c r="W427" s="25">
        <v>7.4380165289256199</v>
      </c>
    </row>
    <row r="428" spans="1:23" s="2" customFormat="1" ht="37.5" customHeight="1" x14ac:dyDescent="0.15">
      <c r="A428" s="93"/>
      <c r="B428" s="24" t="s">
        <v>283</v>
      </c>
      <c r="C428" s="88">
        <v>4.9825174825174825</v>
      </c>
      <c r="D428" s="89">
        <v>6.0561299852289512</v>
      </c>
      <c r="E428" s="26">
        <v>3.519061583577713</v>
      </c>
      <c r="F428" s="26">
        <v>2</v>
      </c>
      <c r="G428" s="27">
        <v>7.6923076923076925</v>
      </c>
      <c r="H428" s="90">
        <v>0</v>
      </c>
      <c r="I428" s="26">
        <v>0</v>
      </c>
      <c r="J428" s="26">
        <v>2.8368794326241136</v>
      </c>
      <c r="K428" s="26">
        <v>33.333333333333329</v>
      </c>
      <c r="L428" s="26">
        <v>1.3698630136986301</v>
      </c>
      <c r="M428" s="26">
        <v>4.1237113402061851</v>
      </c>
      <c r="N428" s="26">
        <v>10.227272727272728</v>
      </c>
      <c r="O428" s="26">
        <v>20.33898305084746</v>
      </c>
      <c r="P428" s="26">
        <v>0</v>
      </c>
      <c r="Q428" s="26">
        <v>1.5625</v>
      </c>
      <c r="R428" s="26">
        <v>5.4545454545454541</v>
      </c>
      <c r="S428" s="26">
        <v>8.8235294117647065</v>
      </c>
      <c r="T428" s="91">
        <v>0</v>
      </c>
      <c r="U428" s="91">
        <v>4.0697674418604652</v>
      </c>
      <c r="V428" s="91">
        <v>7.1428571428571423</v>
      </c>
      <c r="W428" s="25">
        <v>4.1322314049586781</v>
      </c>
    </row>
    <row r="429" spans="1:23" s="2" customFormat="1" ht="37.5" customHeight="1" x14ac:dyDescent="0.15">
      <c r="A429" s="118"/>
      <c r="B429" s="24" t="s">
        <v>284</v>
      </c>
      <c r="C429" s="88">
        <v>16.346153846153847</v>
      </c>
      <c r="D429" s="89">
        <v>16.986706056129986</v>
      </c>
      <c r="E429" s="26">
        <v>15.249266862170089</v>
      </c>
      <c r="F429" s="26">
        <v>16</v>
      </c>
      <c r="G429" s="27">
        <v>15.384615384615385</v>
      </c>
      <c r="H429" s="90">
        <v>30</v>
      </c>
      <c r="I429" s="26">
        <v>17.75700934579439</v>
      </c>
      <c r="J429" s="26">
        <v>10.638297872340425</v>
      </c>
      <c r="K429" s="26">
        <v>5.5555555555555554</v>
      </c>
      <c r="L429" s="26">
        <v>8.2191780821917799</v>
      </c>
      <c r="M429" s="26">
        <v>15.463917525773196</v>
      </c>
      <c r="N429" s="26">
        <v>19.318181818181817</v>
      </c>
      <c r="O429" s="26">
        <v>5.0847457627118651</v>
      </c>
      <c r="P429" s="26">
        <v>17.857142857142858</v>
      </c>
      <c r="Q429" s="26">
        <v>4.6875</v>
      </c>
      <c r="R429" s="26">
        <v>32.727272727272727</v>
      </c>
      <c r="S429" s="26">
        <v>20.588235294117645</v>
      </c>
      <c r="T429" s="91">
        <v>4.0816326530612246</v>
      </c>
      <c r="U429" s="91">
        <v>25</v>
      </c>
      <c r="V429" s="91">
        <v>7.1428571428571423</v>
      </c>
      <c r="W429" s="25">
        <v>23.140495867768596</v>
      </c>
    </row>
    <row r="430" spans="1:23" s="2" customFormat="1" ht="37.5" customHeight="1" x14ac:dyDescent="0.15">
      <c r="A430" s="21" t="s">
        <v>285</v>
      </c>
      <c r="B430" s="24"/>
      <c r="C430" s="88">
        <v>71.590909090909093</v>
      </c>
      <c r="D430" s="89">
        <v>69.276218611521429</v>
      </c>
      <c r="E430" s="26">
        <v>74.486803519061581</v>
      </c>
      <c r="F430" s="26">
        <v>77</v>
      </c>
      <c r="G430" s="27">
        <v>73.076923076923066</v>
      </c>
      <c r="H430" s="90">
        <v>70</v>
      </c>
      <c r="I430" s="26">
        <v>72.89719626168224</v>
      </c>
      <c r="J430" s="26">
        <v>82.978723404255319</v>
      </c>
      <c r="K430" s="26">
        <v>61.111111111111114</v>
      </c>
      <c r="L430" s="26">
        <v>78.082191780821915</v>
      </c>
      <c r="M430" s="26">
        <v>67.010309278350505</v>
      </c>
      <c r="N430" s="26">
        <v>62.5</v>
      </c>
      <c r="O430" s="26">
        <v>66.101694915254242</v>
      </c>
      <c r="P430" s="26">
        <v>75</v>
      </c>
      <c r="Q430" s="26">
        <v>84.375</v>
      </c>
      <c r="R430" s="26">
        <v>60</v>
      </c>
      <c r="S430" s="26">
        <v>64.705882352941174</v>
      </c>
      <c r="T430" s="91">
        <v>95.918367346938766</v>
      </c>
      <c r="U430" s="91">
        <v>66.860465116279073</v>
      </c>
      <c r="V430" s="91">
        <v>67.857142857142861</v>
      </c>
      <c r="W430" s="25">
        <v>65.289256198347118</v>
      </c>
    </row>
    <row r="431" spans="1:23" s="2" customFormat="1" ht="37.5" customHeight="1" x14ac:dyDescent="0.15">
      <c r="A431" s="93"/>
      <c r="B431" s="24" t="s">
        <v>286</v>
      </c>
      <c r="C431" s="88">
        <v>2.1853146853146854</v>
      </c>
      <c r="D431" s="89">
        <v>1.9202363367799113</v>
      </c>
      <c r="E431" s="26">
        <v>3.225806451612903</v>
      </c>
      <c r="F431" s="26">
        <v>0</v>
      </c>
      <c r="G431" s="27">
        <v>3.8461538461538463</v>
      </c>
      <c r="H431" s="90">
        <v>0</v>
      </c>
      <c r="I431" s="26">
        <v>1.8691588785046727</v>
      </c>
      <c r="J431" s="26">
        <v>4.2553191489361701</v>
      </c>
      <c r="K431" s="26">
        <v>0</v>
      </c>
      <c r="L431" s="26">
        <v>4.10958904109589</v>
      </c>
      <c r="M431" s="26">
        <v>2.0618556701030926</v>
      </c>
      <c r="N431" s="26">
        <v>2.2727272727272729</v>
      </c>
      <c r="O431" s="26">
        <v>0</v>
      </c>
      <c r="P431" s="26">
        <v>3.5714285714285712</v>
      </c>
      <c r="Q431" s="26">
        <v>3.125</v>
      </c>
      <c r="R431" s="26">
        <v>5.4545454545454541</v>
      </c>
      <c r="S431" s="26">
        <v>2.9411764705882351</v>
      </c>
      <c r="T431" s="91">
        <v>0</v>
      </c>
      <c r="U431" s="91">
        <v>1.1627906976744187</v>
      </c>
      <c r="V431" s="91">
        <v>0</v>
      </c>
      <c r="W431" s="25">
        <v>0.82644628099173556</v>
      </c>
    </row>
    <row r="432" spans="1:23" s="2" customFormat="1" ht="37.5" customHeight="1" thickBot="1" x14ac:dyDescent="0.2">
      <c r="A432" s="138"/>
      <c r="B432" s="47" t="s">
        <v>287</v>
      </c>
      <c r="C432" s="76">
        <v>69.4055944055944</v>
      </c>
      <c r="D432" s="77">
        <v>67.355982274741507</v>
      </c>
      <c r="E432" s="29">
        <v>71.260997067448685</v>
      </c>
      <c r="F432" s="29">
        <v>77</v>
      </c>
      <c r="G432" s="30">
        <v>69.230769230769226</v>
      </c>
      <c r="H432" s="66">
        <v>70</v>
      </c>
      <c r="I432" s="29">
        <v>71.028037383177562</v>
      </c>
      <c r="J432" s="29">
        <v>78.723404255319153</v>
      </c>
      <c r="K432" s="29">
        <v>61.111111111111114</v>
      </c>
      <c r="L432" s="29">
        <v>73.972602739726028</v>
      </c>
      <c r="M432" s="29">
        <v>64.948453608247419</v>
      </c>
      <c r="N432" s="29">
        <v>60.227272727272727</v>
      </c>
      <c r="O432" s="29">
        <v>66.101694915254242</v>
      </c>
      <c r="P432" s="29">
        <v>71.428571428571431</v>
      </c>
      <c r="Q432" s="29">
        <v>81.25</v>
      </c>
      <c r="R432" s="29">
        <v>54.54545454545454</v>
      </c>
      <c r="S432" s="29">
        <v>61.764705882352942</v>
      </c>
      <c r="T432" s="65">
        <v>95.918367346938766</v>
      </c>
      <c r="U432" s="65">
        <v>65.697674418604649</v>
      </c>
      <c r="V432" s="65">
        <v>67.857142857142861</v>
      </c>
      <c r="W432" s="30">
        <v>64.462809917355372</v>
      </c>
    </row>
    <row r="433" spans="1:23" s="2" customFormat="1" hidden="1" x14ac:dyDescent="0.15">
      <c r="A433" s="1"/>
      <c r="B433" s="1"/>
      <c r="C433" s="1"/>
      <c r="D433" s="1"/>
      <c r="E433" s="1"/>
      <c r="F433" s="1"/>
      <c r="G433" s="1"/>
      <c r="H433" s="1"/>
      <c r="I433" s="1"/>
      <c r="J433" s="1"/>
      <c r="K433" s="1"/>
      <c r="L433" s="1"/>
      <c r="M433" s="1"/>
      <c r="N433" s="1"/>
      <c r="O433" s="1"/>
      <c r="P433" s="1"/>
      <c r="Q433" s="1"/>
      <c r="R433" s="1"/>
      <c r="S433" s="1"/>
      <c r="T433" s="1"/>
      <c r="U433" s="1"/>
      <c r="V433" s="1"/>
      <c r="W433" s="1"/>
    </row>
    <row r="434" spans="1:23" s="2" customFormat="1" hidden="1" x14ac:dyDescent="0.15">
      <c r="A434" s="1"/>
      <c r="B434" s="1"/>
      <c r="C434" s="1"/>
      <c r="D434" s="1"/>
      <c r="E434" s="1"/>
      <c r="F434" s="1"/>
      <c r="G434" s="1"/>
      <c r="H434" s="1"/>
      <c r="I434" s="1"/>
      <c r="J434" s="1"/>
      <c r="K434" s="1"/>
      <c r="L434" s="1"/>
      <c r="M434" s="1"/>
      <c r="N434" s="1"/>
      <c r="O434" s="1"/>
      <c r="P434" s="1"/>
      <c r="Q434" s="1"/>
      <c r="R434" s="1"/>
      <c r="S434" s="1"/>
      <c r="T434" s="1"/>
      <c r="U434" s="1"/>
      <c r="V434" s="1"/>
      <c r="W434" s="1"/>
    </row>
    <row r="435" spans="1:23" s="2" customFormat="1" x14ac:dyDescent="0.15">
      <c r="A435" s="2" t="s">
        <v>315</v>
      </c>
      <c r="F435" s="2" t="s">
        <v>453</v>
      </c>
    </row>
    <row r="436" spans="1:23" s="2" customFormat="1" ht="14.25" thickBot="1" x14ac:dyDescent="0.2">
      <c r="W436" s="86" t="s">
        <v>218</v>
      </c>
    </row>
    <row r="437" spans="1:23" s="2" customFormat="1" x14ac:dyDescent="0.15">
      <c r="A437" s="4"/>
      <c r="B437" s="5" t="s">
        <v>76</v>
      </c>
      <c r="C437" s="67"/>
      <c r="D437" s="37" t="s">
        <v>15</v>
      </c>
      <c r="E437" s="38"/>
      <c r="F437" s="38"/>
      <c r="G437" s="48"/>
      <c r="H437" s="37" t="s">
        <v>20</v>
      </c>
      <c r="I437" s="38"/>
      <c r="J437" s="38"/>
      <c r="K437" s="38"/>
      <c r="L437" s="38"/>
      <c r="M437" s="38"/>
      <c r="N437" s="38"/>
      <c r="O437" s="38"/>
      <c r="P437" s="38"/>
      <c r="Q437" s="38"/>
      <c r="R437" s="38"/>
      <c r="S437" s="38"/>
      <c r="T437" s="38"/>
      <c r="U437" s="38"/>
      <c r="V437" s="38"/>
      <c r="W437" s="48"/>
    </row>
    <row r="438" spans="1:23" s="2" customFormat="1" ht="54.75" thickBot="1" x14ac:dyDescent="0.2">
      <c r="A438" s="13" t="s">
        <v>87</v>
      </c>
      <c r="C438" s="68" t="s">
        <v>19</v>
      </c>
      <c r="D438" s="50" t="s">
        <v>61</v>
      </c>
      <c r="E438" s="51" t="s">
        <v>151</v>
      </c>
      <c r="F438" s="51" t="s">
        <v>219</v>
      </c>
      <c r="G438" s="52" t="s">
        <v>1</v>
      </c>
      <c r="H438" s="53" t="s">
        <v>2</v>
      </c>
      <c r="I438" s="11" t="s">
        <v>110</v>
      </c>
      <c r="J438" s="11" t="s">
        <v>316</v>
      </c>
      <c r="K438" s="54" t="s">
        <v>261</v>
      </c>
      <c r="L438" s="55" t="s">
        <v>4</v>
      </c>
      <c r="M438" s="56" t="s">
        <v>5</v>
      </c>
      <c r="N438" s="55" t="s">
        <v>82</v>
      </c>
      <c r="O438" s="55" t="s">
        <v>6</v>
      </c>
      <c r="P438" s="56" t="s">
        <v>7</v>
      </c>
      <c r="Q438" s="57" t="s">
        <v>8</v>
      </c>
      <c r="R438" s="56" t="s">
        <v>9</v>
      </c>
      <c r="S438" s="55" t="s">
        <v>10</v>
      </c>
      <c r="T438" s="55" t="s">
        <v>11</v>
      </c>
      <c r="U438" s="55" t="s">
        <v>12</v>
      </c>
      <c r="V438" s="58" t="s">
        <v>83</v>
      </c>
      <c r="W438" s="59" t="s">
        <v>13</v>
      </c>
    </row>
    <row r="439" spans="1:23" s="2" customFormat="1" ht="37.5" customHeight="1" x14ac:dyDescent="0.15">
      <c r="A439" s="127" t="s">
        <v>317</v>
      </c>
      <c r="B439" s="33" t="s">
        <v>318</v>
      </c>
      <c r="C439" s="139">
        <v>2570</v>
      </c>
      <c r="D439" s="140">
        <v>1332</v>
      </c>
      <c r="E439" s="141">
        <v>865</v>
      </c>
      <c r="F439" s="141">
        <v>319</v>
      </c>
      <c r="G439" s="142">
        <v>54</v>
      </c>
      <c r="H439" s="143">
        <v>30</v>
      </c>
      <c r="I439" s="141">
        <v>348</v>
      </c>
      <c r="J439" s="141">
        <v>264</v>
      </c>
      <c r="K439" s="141">
        <v>16</v>
      </c>
      <c r="L439" s="141">
        <v>151</v>
      </c>
      <c r="M439" s="141">
        <v>154</v>
      </c>
      <c r="N439" s="141">
        <v>176</v>
      </c>
      <c r="O439" s="141">
        <v>112</v>
      </c>
      <c r="P439" s="141">
        <v>27</v>
      </c>
      <c r="Q439" s="141">
        <v>159</v>
      </c>
      <c r="R439" s="141">
        <v>123</v>
      </c>
      <c r="S439" s="141">
        <v>98</v>
      </c>
      <c r="T439" s="144">
        <v>88</v>
      </c>
      <c r="U439" s="144">
        <v>476</v>
      </c>
      <c r="V439" s="144">
        <v>74</v>
      </c>
      <c r="W439" s="145">
        <v>274</v>
      </c>
    </row>
    <row r="440" spans="1:23" s="2" customFormat="1" ht="37.5" customHeight="1" x14ac:dyDescent="0.15">
      <c r="A440" s="93"/>
      <c r="B440" s="24" t="s">
        <v>319</v>
      </c>
      <c r="C440" s="132">
        <v>416</v>
      </c>
      <c r="D440" s="133">
        <v>255</v>
      </c>
      <c r="E440" s="134">
        <v>122</v>
      </c>
      <c r="F440" s="134">
        <v>37</v>
      </c>
      <c r="G440" s="146">
        <v>2</v>
      </c>
      <c r="H440" s="147">
        <v>3</v>
      </c>
      <c r="I440" s="134">
        <v>58</v>
      </c>
      <c r="J440" s="134">
        <v>42</v>
      </c>
      <c r="K440" s="134">
        <v>2</v>
      </c>
      <c r="L440" s="134">
        <v>11</v>
      </c>
      <c r="M440" s="134">
        <v>23</v>
      </c>
      <c r="N440" s="134">
        <v>23</v>
      </c>
      <c r="O440" s="134">
        <v>2</v>
      </c>
      <c r="P440" s="134">
        <v>5</v>
      </c>
      <c r="Q440" s="134">
        <v>20</v>
      </c>
      <c r="R440" s="134">
        <v>30</v>
      </c>
      <c r="S440" s="134">
        <v>12</v>
      </c>
      <c r="T440" s="135">
        <v>11</v>
      </c>
      <c r="U440" s="135">
        <v>130</v>
      </c>
      <c r="V440" s="135">
        <v>3</v>
      </c>
      <c r="W440" s="124">
        <v>41</v>
      </c>
    </row>
    <row r="441" spans="1:23" s="2" customFormat="1" ht="37.5" customHeight="1" x14ac:dyDescent="0.15">
      <c r="A441" s="93"/>
      <c r="B441" s="24" t="s">
        <v>320</v>
      </c>
      <c r="C441" s="136">
        <v>16.186770428015564</v>
      </c>
      <c r="D441" s="148">
        <v>19.144144144144143</v>
      </c>
      <c r="E441" s="149">
        <v>14.104046242774567</v>
      </c>
      <c r="F441" s="149">
        <v>11.598746081504702</v>
      </c>
      <c r="G441" s="150">
        <v>3.7037037037037033</v>
      </c>
      <c r="H441" s="151">
        <v>10</v>
      </c>
      <c r="I441" s="149">
        <v>16.666666666666664</v>
      </c>
      <c r="J441" s="149">
        <v>15.909090909090908</v>
      </c>
      <c r="K441" s="149">
        <v>12.5</v>
      </c>
      <c r="L441" s="149">
        <v>7.2847682119205297</v>
      </c>
      <c r="M441" s="149">
        <v>14.935064935064934</v>
      </c>
      <c r="N441" s="149">
        <v>13.068181818181818</v>
      </c>
      <c r="O441" s="149">
        <v>1.7857142857142856</v>
      </c>
      <c r="P441" s="149">
        <v>18.518518518518519</v>
      </c>
      <c r="Q441" s="149">
        <v>12.578616352201259</v>
      </c>
      <c r="R441" s="149">
        <v>24.390243902439025</v>
      </c>
      <c r="S441" s="149">
        <v>12.244897959183673</v>
      </c>
      <c r="T441" s="152">
        <v>12.5</v>
      </c>
      <c r="U441" s="152">
        <v>27.310924369747898</v>
      </c>
      <c r="V441" s="152">
        <v>4.0540540540540544</v>
      </c>
      <c r="W441" s="153">
        <v>14.963503649635038</v>
      </c>
    </row>
    <row r="442" spans="1:23" s="2" customFormat="1" ht="37.5" customHeight="1" x14ac:dyDescent="0.15">
      <c r="A442" s="117" t="s">
        <v>321</v>
      </c>
      <c r="B442" s="24" t="s">
        <v>322</v>
      </c>
      <c r="C442" s="132">
        <v>1932</v>
      </c>
      <c r="D442" s="133">
        <v>566</v>
      </c>
      <c r="E442" s="134">
        <v>716</v>
      </c>
      <c r="F442" s="134">
        <v>418</v>
      </c>
      <c r="G442" s="146">
        <v>232</v>
      </c>
      <c r="H442" s="147">
        <v>19</v>
      </c>
      <c r="I442" s="134">
        <v>156</v>
      </c>
      <c r="J442" s="134">
        <v>222</v>
      </c>
      <c r="K442" s="134">
        <v>35</v>
      </c>
      <c r="L442" s="134">
        <v>152</v>
      </c>
      <c r="M442" s="134">
        <v>74</v>
      </c>
      <c r="N442" s="134">
        <v>120</v>
      </c>
      <c r="O442" s="134">
        <v>169</v>
      </c>
      <c r="P442" s="134">
        <v>9</v>
      </c>
      <c r="Q442" s="134">
        <v>147</v>
      </c>
      <c r="R442" s="134">
        <v>81</v>
      </c>
      <c r="S442" s="134">
        <v>68</v>
      </c>
      <c r="T442" s="135">
        <v>71</v>
      </c>
      <c r="U442" s="135">
        <v>403</v>
      </c>
      <c r="V442" s="135">
        <v>85</v>
      </c>
      <c r="W442" s="124">
        <v>121</v>
      </c>
    </row>
    <row r="443" spans="1:23" s="2" customFormat="1" ht="37.5" customHeight="1" x14ac:dyDescent="0.15">
      <c r="A443" s="93"/>
      <c r="B443" s="24" t="s">
        <v>319</v>
      </c>
      <c r="C443" s="132">
        <v>208</v>
      </c>
      <c r="D443" s="133">
        <v>54</v>
      </c>
      <c r="E443" s="134">
        <v>68</v>
      </c>
      <c r="F443" s="134">
        <v>48</v>
      </c>
      <c r="G443" s="146">
        <v>38</v>
      </c>
      <c r="H443" s="147">
        <v>0</v>
      </c>
      <c r="I443" s="134">
        <v>5</v>
      </c>
      <c r="J443" s="134">
        <v>3</v>
      </c>
      <c r="K443" s="134">
        <v>0</v>
      </c>
      <c r="L443" s="134">
        <v>8</v>
      </c>
      <c r="M443" s="134">
        <v>3</v>
      </c>
      <c r="N443" s="134">
        <v>9</v>
      </c>
      <c r="O443" s="134">
        <v>1</v>
      </c>
      <c r="P443" s="134">
        <v>4</v>
      </c>
      <c r="Q443" s="134">
        <v>4</v>
      </c>
      <c r="R443" s="134">
        <v>8</v>
      </c>
      <c r="S443" s="134">
        <v>7</v>
      </c>
      <c r="T443" s="135">
        <v>13</v>
      </c>
      <c r="U443" s="135">
        <v>133</v>
      </c>
      <c r="V443" s="135">
        <v>2</v>
      </c>
      <c r="W443" s="124">
        <v>8</v>
      </c>
    </row>
    <row r="444" spans="1:23" s="2" customFormat="1" ht="37.5" customHeight="1" x14ac:dyDescent="0.15">
      <c r="A444" s="118"/>
      <c r="B444" s="40" t="s">
        <v>320</v>
      </c>
      <c r="C444" s="131">
        <v>10.766045548654244</v>
      </c>
      <c r="D444" s="154">
        <v>9.5406360424028271</v>
      </c>
      <c r="E444" s="155">
        <v>9.4972067039106136</v>
      </c>
      <c r="F444" s="155">
        <v>11.483253588516746</v>
      </c>
      <c r="G444" s="153">
        <v>16.379310344827587</v>
      </c>
      <c r="H444" s="156">
        <v>0</v>
      </c>
      <c r="I444" s="155">
        <v>3.2051282051282048</v>
      </c>
      <c r="J444" s="155">
        <v>1.3513513513513513</v>
      </c>
      <c r="K444" s="155">
        <v>0</v>
      </c>
      <c r="L444" s="155">
        <v>5.2631578947368416</v>
      </c>
      <c r="M444" s="155">
        <v>4.0540540540540544</v>
      </c>
      <c r="N444" s="155">
        <v>7.5</v>
      </c>
      <c r="O444" s="155">
        <v>0.59171597633136097</v>
      </c>
      <c r="P444" s="155">
        <v>44.444444444444443</v>
      </c>
      <c r="Q444" s="155">
        <v>2.7210884353741496</v>
      </c>
      <c r="R444" s="155">
        <v>9.8765432098765427</v>
      </c>
      <c r="S444" s="155">
        <v>10.294117647058822</v>
      </c>
      <c r="T444" s="157">
        <v>18.30985915492958</v>
      </c>
      <c r="U444" s="157">
        <v>33.002481389578165</v>
      </c>
      <c r="V444" s="157">
        <v>2.3529411764705883</v>
      </c>
      <c r="W444" s="153">
        <v>6.6115702479338845</v>
      </c>
    </row>
    <row r="445" spans="1:23" s="2" customFormat="1" ht="37.5" customHeight="1" x14ac:dyDescent="0.15">
      <c r="A445" s="117" t="s">
        <v>323</v>
      </c>
      <c r="B445" s="24" t="s">
        <v>324</v>
      </c>
      <c r="C445" s="132">
        <v>4214</v>
      </c>
      <c r="D445" s="133">
        <v>1324</v>
      </c>
      <c r="E445" s="134">
        <v>1189</v>
      </c>
      <c r="F445" s="134">
        <v>1029</v>
      </c>
      <c r="G445" s="146">
        <v>672</v>
      </c>
      <c r="H445" s="147">
        <v>37</v>
      </c>
      <c r="I445" s="134">
        <v>335</v>
      </c>
      <c r="J445" s="134">
        <v>652</v>
      </c>
      <c r="K445" s="134">
        <v>111</v>
      </c>
      <c r="L445" s="134">
        <v>246</v>
      </c>
      <c r="M445" s="134">
        <v>171</v>
      </c>
      <c r="N445" s="134">
        <v>449</v>
      </c>
      <c r="O445" s="134">
        <v>418</v>
      </c>
      <c r="P445" s="134">
        <v>29</v>
      </c>
      <c r="Q445" s="134">
        <v>204</v>
      </c>
      <c r="R445" s="134">
        <v>107</v>
      </c>
      <c r="S445" s="134">
        <v>89</v>
      </c>
      <c r="T445" s="135">
        <v>118</v>
      </c>
      <c r="U445" s="135">
        <v>721</v>
      </c>
      <c r="V445" s="135">
        <v>308</v>
      </c>
      <c r="W445" s="124">
        <v>219</v>
      </c>
    </row>
    <row r="446" spans="1:23" s="2" customFormat="1" ht="37.5" customHeight="1" x14ac:dyDescent="0.15">
      <c r="A446" s="93"/>
      <c r="B446" s="24" t="s">
        <v>319</v>
      </c>
      <c r="C446" s="132">
        <v>766</v>
      </c>
      <c r="D446" s="133">
        <v>218</v>
      </c>
      <c r="E446" s="134">
        <v>193</v>
      </c>
      <c r="F446" s="134">
        <v>201</v>
      </c>
      <c r="G446" s="146">
        <v>154</v>
      </c>
      <c r="H446" s="147">
        <v>0</v>
      </c>
      <c r="I446" s="134">
        <v>13</v>
      </c>
      <c r="J446" s="134">
        <v>27</v>
      </c>
      <c r="K446" s="134">
        <v>1</v>
      </c>
      <c r="L446" s="134">
        <v>25</v>
      </c>
      <c r="M446" s="134">
        <v>10</v>
      </c>
      <c r="N446" s="134">
        <v>86</v>
      </c>
      <c r="O446" s="134">
        <v>24</v>
      </c>
      <c r="P446" s="134">
        <v>7</v>
      </c>
      <c r="Q446" s="134">
        <v>16</v>
      </c>
      <c r="R446" s="134">
        <v>20</v>
      </c>
      <c r="S446" s="134">
        <v>30</v>
      </c>
      <c r="T446" s="135">
        <v>26</v>
      </c>
      <c r="U446" s="135">
        <v>398</v>
      </c>
      <c r="V446" s="135">
        <v>54</v>
      </c>
      <c r="W446" s="124">
        <v>29</v>
      </c>
    </row>
    <row r="447" spans="1:23" s="2" customFormat="1" ht="37.5" customHeight="1" x14ac:dyDescent="0.15">
      <c r="A447" s="118"/>
      <c r="B447" s="40" t="s">
        <v>320</v>
      </c>
      <c r="C447" s="131">
        <v>18.177503559563359</v>
      </c>
      <c r="D447" s="154">
        <v>16.465256797583081</v>
      </c>
      <c r="E447" s="155">
        <v>16.232127838519762</v>
      </c>
      <c r="F447" s="155">
        <v>19.533527696793001</v>
      </c>
      <c r="G447" s="153">
        <v>22.916666666666664</v>
      </c>
      <c r="H447" s="156">
        <v>0</v>
      </c>
      <c r="I447" s="155">
        <v>3.8805970149253728</v>
      </c>
      <c r="J447" s="155">
        <v>4.1411042944785272</v>
      </c>
      <c r="K447" s="155">
        <v>0.90090090090090091</v>
      </c>
      <c r="L447" s="155">
        <v>10.16260162601626</v>
      </c>
      <c r="M447" s="155">
        <v>5.8479532163742682</v>
      </c>
      <c r="N447" s="155">
        <v>19.153674832962139</v>
      </c>
      <c r="O447" s="155">
        <v>5.741626794258373</v>
      </c>
      <c r="P447" s="155">
        <v>24.137931034482758</v>
      </c>
      <c r="Q447" s="155">
        <v>7.8431372549019605</v>
      </c>
      <c r="R447" s="155">
        <v>18.691588785046729</v>
      </c>
      <c r="S447" s="155">
        <v>33.707865168539328</v>
      </c>
      <c r="T447" s="157">
        <v>22.033898305084744</v>
      </c>
      <c r="U447" s="157">
        <v>55.201109570041609</v>
      </c>
      <c r="V447" s="157">
        <v>17.532467532467532</v>
      </c>
      <c r="W447" s="153">
        <v>13.24200913242009</v>
      </c>
    </row>
    <row r="448" spans="1:23" s="2" customFormat="1" ht="37.5" customHeight="1" x14ac:dyDescent="0.15">
      <c r="A448" s="93" t="s">
        <v>325</v>
      </c>
      <c r="B448" s="24" t="s">
        <v>326</v>
      </c>
      <c r="C448" s="158">
        <v>4867</v>
      </c>
      <c r="D448" s="159">
        <v>1313</v>
      </c>
      <c r="E448" s="160">
        <v>1295</v>
      </c>
      <c r="F448" s="160">
        <v>1221</v>
      </c>
      <c r="G448" s="161">
        <v>1038</v>
      </c>
      <c r="H448" s="162">
        <v>41</v>
      </c>
      <c r="I448" s="160">
        <v>422</v>
      </c>
      <c r="J448" s="160">
        <v>785</v>
      </c>
      <c r="K448" s="160">
        <v>332</v>
      </c>
      <c r="L448" s="160">
        <v>230</v>
      </c>
      <c r="M448" s="160">
        <v>245</v>
      </c>
      <c r="N448" s="160">
        <v>680</v>
      </c>
      <c r="O448" s="160">
        <v>200</v>
      </c>
      <c r="P448" s="160">
        <v>42</v>
      </c>
      <c r="Q448" s="160">
        <v>190</v>
      </c>
      <c r="R448" s="160">
        <v>119</v>
      </c>
      <c r="S448" s="160">
        <v>59</v>
      </c>
      <c r="T448" s="163">
        <v>150</v>
      </c>
      <c r="U448" s="163">
        <v>962</v>
      </c>
      <c r="V448" s="163">
        <v>193</v>
      </c>
      <c r="W448" s="124">
        <v>217</v>
      </c>
    </row>
    <row r="449" spans="1:23" s="2" customFormat="1" ht="37.5" customHeight="1" x14ac:dyDescent="0.15">
      <c r="A449" s="93"/>
      <c r="B449" s="24" t="s">
        <v>319</v>
      </c>
      <c r="C449" s="132">
        <v>1324</v>
      </c>
      <c r="D449" s="133">
        <v>415</v>
      </c>
      <c r="E449" s="134">
        <v>318</v>
      </c>
      <c r="F449" s="134">
        <v>297</v>
      </c>
      <c r="G449" s="146">
        <v>294</v>
      </c>
      <c r="H449" s="147">
        <v>1</v>
      </c>
      <c r="I449" s="134">
        <v>33</v>
      </c>
      <c r="J449" s="134">
        <v>46</v>
      </c>
      <c r="K449" s="134">
        <v>11</v>
      </c>
      <c r="L449" s="134">
        <v>36</v>
      </c>
      <c r="M449" s="134">
        <v>21</v>
      </c>
      <c r="N449" s="134">
        <v>208</v>
      </c>
      <c r="O449" s="134">
        <v>102</v>
      </c>
      <c r="P449" s="134">
        <v>9</v>
      </c>
      <c r="Q449" s="134">
        <v>24</v>
      </c>
      <c r="R449" s="134">
        <v>46</v>
      </c>
      <c r="S449" s="134">
        <v>36</v>
      </c>
      <c r="T449" s="135">
        <v>50</v>
      </c>
      <c r="U449" s="135">
        <v>610</v>
      </c>
      <c r="V449" s="135">
        <v>42</v>
      </c>
      <c r="W449" s="124">
        <v>49</v>
      </c>
    </row>
    <row r="450" spans="1:23" s="2" customFormat="1" ht="37.5" customHeight="1" x14ac:dyDescent="0.15">
      <c r="A450" s="93"/>
      <c r="B450" s="40" t="s">
        <v>320</v>
      </c>
      <c r="C450" s="136">
        <v>27.20361619067187</v>
      </c>
      <c r="D450" s="148">
        <v>31.607006854531605</v>
      </c>
      <c r="E450" s="149">
        <v>24.555984555984555</v>
      </c>
      <c r="F450" s="149">
        <v>24.324324324324326</v>
      </c>
      <c r="G450" s="150">
        <v>28.323699421965319</v>
      </c>
      <c r="H450" s="151">
        <v>2.4390243902439024</v>
      </c>
      <c r="I450" s="149">
        <v>7.8199052132701423</v>
      </c>
      <c r="J450" s="149">
        <v>5.8598726114649686</v>
      </c>
      <c r="K450" s="149">
        <v>3.3132530120481931</v>
      </c>
      <c r="L450" s="149">
        <v>15.65217391304348</v>
      </c>
      <c r="M450" s="149">
        <v>8.5714285714285712</v>
      </c>
      <c r="N450" s="149">
        <v>30.588235294117649</v>
      </c>
      <c r="O450" s="149">
        <v>51</v>
      </c>
      <c r="P450" s="149">
        <v>21.428571428571427</v>
      </c>
      <c r="Q450" s="149">
        <v>12.631578947368421</v>
      </c>
      <c r="R450" s="149">
        <v>38.655462184873954</v>
      </c>
      <c r="S450" s="149">
        <v>61.016949152542374</v>
      </c>
      <c r="T450" s="152">
        <v>33.333333333333329</v>
      </c>
      <c r="U450" s="152">
        <v>63.409563409563404</v>
      </c>
      <c r="V450" s="152">
        <v>21.761658031088082</v>
      </c>
      <c r="W450" s="153">
        <v>22.58064516129032</v>
      </c>
    </row>
    <row r="451" spans="1:23" s="2" customFormat="1" ht="37.5" customHeight="1" thickBot="1" x14ac:dyDescent="0.2">
      <c r="A451" s="46" t="s">
        <v>327</v>
      </c>
      <c r="B451" s="47"/>
      <c r="C451" s="164">
        <v>19.980858425973643</v>
      </c>
      <c r="D451" s="165">
        <v>20.771775082690187</v>
      </c>
      <c r="E451" s="166">
        <v>17.244772447724475</v>
      </c>
      <c r="F451" s="166">
        <v>19.517910947438903</v>
      </c>
      <c r="G451" s="167">
        <v>24.448897795591183</v>
      </c>
      <c r="H451" s="168">
        <v>3.1496062992125982</v>
      </c>
      <c r="I451" s="166">
        <v>8.6439333862014269</v>
      </c>
      <c r="J451" s="166">
        <v>6.1362454498179924</v>
      </c>
      <c r="K451" s="166">
        <v>2.834008097165992</v>
      </c>
      <c r="L451" s="166">
        <v>10.269576379974326</v>
      </c>
      <c r="M451" s="166">
        <v>8.8509316770186341</v>
      </c>
      <c r="N451" s="166">
        <v>22.87719298245614</v>
      </c>
      <c r="O451" s="166">
        <v>14.349276974416018</v>
      </c>
      <c r="P451" s="166">
        <v>23.364485981308412</v>
      </c>
      <c r="Q451" s="166">
        <v>9.1428571428571423</v>
      </c>
      <c r="R451" s="166">
        <v>24.186046511627907</v>
      </c>
      <c r="S451" s="166">
        <v>27.070063694267514</v>
      </c>
      <c r="T451" s="169">
        <v>23.419203747072601</v>
      </c>
      <c r="U451" s="169">
        <v>49.60967993754879</v>
      </c>
      <c r="V451" s="169">
        <v>15.303030303030301</v>
      </c>
      <c r="W451" s="167">
        <v>15.282791817087846</v>
      </c>
    </row>
    <row r="452" spans="1:23" s="2" customFormat="1" ht="37.5" customHeight="1" thickBot="1" x14ac:dyDescent="0.2">
      <c r="A452" s="312" t="s">
        <v>328</v>
      </c>
      <c r="B452" s="313"/>
      <c r="C452" s="164">
        <v>66.339548577036311</v>
      </c>
      <c r="D452" s="165">
        <v>63.084922010398614</v>
      </c>
      <c r="E452" s="166">
        <v>70.09345794392523</v>
      </c>
      <c r="F452" s="166">
        <v>71.875</v>
      </c>
      <c r="G452" s="167">
        <v>72</v>
      </c>
      <c r="H452" s="168">
        <v>50</v>
      </c>
      <c r="I452" s="166">
        <v>59.813084112149525</v>
      </c>
      <c r="J452" s="166">
        <v>56.666666666666664</v>
      </c>
      <c r="K452" s="166">
        <v>50</v>
      </c>
      <c r="L452" s="166">
        <v>60</v>
      </c>
      <c r="M452" s="166">
        <v>51.219512195121951</v>
      </c>
      <c r="N452" s="166">
        <v>58.108108108108105</v>
      </c>
      <c r="O452" s="166">
        <v>75</v>
      </c>
      <c r="P452" s="166">
        <v>47.619047619047613</v>
      </c>
      <c r="Q452" s="166">
        <v>59.677419354838712</v>
      </c>
      <c r="R452" s="166">
        <v>77.358490566037744</v>
      </c>
      <c r="S452" s="166">
        <v>73.333333333333329</v>
      </c>
      <c r="T452" s="169">
        <v>78.048780487804876</v>
      </c>
      <c r="U452" s="169">
        <v>92.903225806451616</v>
      </c>
      <c r="V452" s="169">
        <v>80.952380952380949</v>
      </c>
      <c r="W452" s="167">
        <v>59.649122807017541</v>
      </c>
    </row>
    <row r="453" spans="1:23" s="2" customFormat="1" x14ac:dyDescent="0.15"/>
    <row r="454" spans="1:23" s="2" customFormat="1" x14ac:dyDescent="0.15">
      <c r="A454" s="2" t="s">
        <v>329</v>
      </c>
      <c r="F454" s="2" t="s">
        <v>454</v>
      </c>
    </row>
    <row r="455" spans="1:23" s="2" customFormat="1" ht="14.25" thickBot="1" x14ac:dyDescent="0.2">
      <c r="V455" s="1"/>
      <c r="W455" s="1" t="s">
        <v>75</v>
      </c>
    </row>
    <row r="456" spans="1:23" s="2" customFormat="1" x14ac:dyDescent="0.15">
      <c r="A456" s="4"/>
      <c r="B456" s="5" t="s">
        <v>76</v>
      </c>
      <c r="C456" s="67"/>
      <c r="D456" s="37" t="s">
        <v>15</v>
      </c>
      <c r="E456" s="38"/>
      <c r="F456" s="38"/>
      <c r="G456" s="48"/>
      <c r="H456" s="37" t="s">
        <v>20</v>
      </c>
      <c r="I456" s="38"/>
      <c r="J456" s="38"/>
      <c r="K456" s="38"/>
      <c r="L456" s="38"/>
      <c r="M456" s="38"/>
      <c r="N456" s="38"/>
      <c r="O456" s="38"/>
      <c r="P456" s="38"/>
      <c r="Q456" s="38"/>
      <c r="R456" s="38"/>
      <c r="S456" s="38"/>
      <c r="T456" s="38"/>
      <c r="U456" s="38"/>
      <c r="V456" s="38"/>
      <c r="W456" s="48"/>
    </row>
    <row r="457" spans="1:23" s="2" customFormat="1" ht="54.75" thickBot="1" x14ac:dyDescent="0.2">
      <c r="A457" s="8" t="s">
        <v>87</v>
      </c>
      <c r="B457" s="9"/>
      <c r="C457" s="95" t="s">
        <v>19</v>
      </c>
      <c r="D457" s="10" t="s">
        <v>174</v>
      </c>
      <c r="E457" s="96" t="s">
        <v>330</v>
      </c>
      <c r="F457" s="96" t="s">
        <v>331</v>
      </c>
      <c r="G457" s="12" t="s">
        <v>1</v>
      </c>
      <c r="H457" s="53" t="s">
        <v>2</v>
      </c>
      <c r="I457" s="78" t="s">
        <v>105</v>
      </c>
      <c r="J457" s="78" t="s">
        <v>332</v>
      </c>
      <c r="K457" s="170" t="s">
        <v>183</v>
      </c>
      <c r="L457" s="171" t="s">
        <v>4</v>
      </c>
      <c r="M457" s="172" t="s">
        <v>5</v>
      </c>
      <c r="N457" s="171" t="s">
        <v>82</v>
      </c>
      <c r="O457" s="171" t="s">
        <v>6</v>
      </c>
      <c r="P457" s="172" t="s">
        <v>7</v>
      </c>
      <c r="Q457" s="173" t="s">
        <v>8</v>
      </c>
      <c r="R457" s="172" t="s">
        <v>9</v>
      </c>
      <c r="S457" s="171" t="s">
        <v>10</v>
      </c>
      <c r="T457" s="171" t="s">
        <v>11</v>
      </c>
      <c r="U457" s="171" t="s">
        <v>12</v>
      </c>
      <c r="V457" s="58" t="s">
        <v>83</v>
      </c>
      <c r="W457" s="174" t="s">
        <v>13</v>
      </c>
    </row>
    <row r="458" spans="1:23" s="2" customFormat="1" ht="37.5" customHeight="1" x14ac:dyDescent="0.15">
      <c r="A458" s="4" t="s">
        <v>130</v>
      </c>
      <c r="B458" s="7"/>
      <c r="C458" s="175">
        <v>62.918454935622314</v>
      </c>
      <c r="D458" s="176">
        <v>56.814921090387372</v>
      </c>
      <c r="E458" s="177">
        <v>67.058823529411754</v>
      </c>
      <c r="F458" s="177">
        <v>82.178217821782169</v>
      </c>
      <c r="G458" s="178">
        <v>96.296296296296291</v>
      </c>
      <c r="H458" s="179">
        <v>33.333333333333329</v>
      </c>
      <c r="I458" s="180">
        <v>44.036697247706428</v>
      </c>
      <c r="J458" s="180">
        <v>50</v>
      </c>
      <c r="K458" s="181">
        <v>84.210526315789465</v>
      </c>
      <c r="L458" s="182">
        <v>72.602739726027394</v>
      </c>
      <c r="M458" s="182">
        <v>58.82352941176471</v>
      </c>
      <c r="N458" s="182">
        <v>70.114942528735639</v>
      </c>
      <c r="O458" s="182">
        <v>90</v>
      </c>
      <c r="P458" s="182">
        <v>42.857142857142854</v>
      </c>
      <c r="Q458" s="183">
        <v>60</v>
      </c>
      <c r="R458" s="182">
        <v>65.517241379310349</v>
      </c>
      <c r="S458" s="182">
        <v>65.714285714285708</v>
      </c>
      <c r="T458" s="177">
        <v>77.551020408163268</v>
      </c>
      <c r="U458" s="182">
        <v>68.20809248554913</v>
      </c>
      <c r="V458" s="184">
        <v>72.41379310344827</v>
      </c>
      <c r="W458" s="185">
        <v>61.29032258064516</v>
      </c>
    </row>
    <row r="459" spans="1:23" s="2" customFormat="1" ht="37.5" customHeight="1" x14ac:dyDescent="0.15">
      <c r="A459" s="13"/>
      <c r="B459" s="186" t="s">
        <v>333</v>
      </c>
      <c r="C459" s="187">
        <v>35.021459227467808</v>
      </c>
      <c r="D459" s="188">
        <v>31.850789096126253</v>
      </c>
      <c r="E459" s="189">
        <v>40</v>
      </c>
      <c r="F459" s="189">
        <v>37.623762376237622</v>
      </c>
      <c r="G459" s="190">
        <v>44.444444444444443</v>
      </c>
      <c r="H459" s="188">
        <v>11.111111111111111</v>
      </c>
      <c r="I459" s="189">
        <v>23.853211009174313</v>
      </c>
      <c r="J459" s="189">
        <v>26.428571428571431</v>
      </c>
      <c r="K459" s="189">
        <v>5.2631578947368416</v>
      </c>
      <c r="L459" s="189">
        <v>47.945205479452049</v>
      </c>
      <c r="M459" s="189">
        <v>33.333333333333329</v>
      </c>
      <c r="N459" s="189">
        <v>41.379310344827587</v>
      </c>
      <c r="O459" s="189">
        <v>61.666666666666671</v>
      </c>
      <c r="P459" s="189">
        <v>21.428571428571427</v>
      </c>
      <c r="Q459" s="189">
        <v>37.142857142857146</v>
      </c>
      <c r="R459" s="189">
        <v>50</v>
      </c>
      <c r="S459" s="189">
        <v>34.285714285714285</v>
      </c>
      <c r="T459" s="191">
        <v>48.979591836734691</v>
      </c>
      <c r="U459" s="191">
        <v>35.260115606936417</v>
      </c>
      <c r="V459" s="191">
        <v>37.931034482758619</v>
      </c>
      <c r="W459" s="192">
        <v>25.806451612903224</v>
      </c>
    </row>
    <row r="460" spans="1:23" s="2" customFormat="1" ht="37.5" customHeight="1" x14ac:dyDescent="0.15">
      <c r="A460" s="13"/>
      <c r="B460" s="186" t="s">
        <v>334</v>
      </c>
      <c r="C460" s="193">
        <v>24.377682403433475</v>
      </c>
      <c r="D460" s="194">
        <v>21.52080344332855</v>
      </c>
      <c r="E460" s="195">
        <v>27.941176470588236</v>
      </c>
      <c r="F460" s="195">
        <v>30.693069306930692</v>
      </c>
      <c r="G460" s="196">
        <v>29.629629629629626</v>
      </c>
      <c r="H460" s="194">
        <v>11.111111111111111</v>
      </c>
      <c r="I460" s="195">
        <v>22.935779816513762</v>
      </c>
      <c r="J460" s="195">
        <v>21.428571428571427</v>
      </c>
      <c r="K460" s="195">
        <v>15.789473684210526</v>
      </c>
      <c r="L460" s="195">
        <v>21.917808219178081</v>
      </c>
      <c r="M460" s="195">
        <v>27.450980392156865</v>
      </c>
      <c r="N460" s="195">
        <v>35.632183908045981</v>
      </c>
      <c r="O460" s="195">
        <v>51.666666666666671</v>
      </c>
      <c r="P460" s="195">
        <v>17.857142857142858</v>
      </c>
      <c r="Q460" s="195">
        <v>24.285714285714285</v>
      </c>
      <c r="R460" s="195">
        <v>22.413793103448278</v>
      </c>
      <c r="S460" s="195">
        <v>25.714285714285712</v>
      </c>
      <c r="T460" s="197">
        <v>28.571428571428569</v>
      </c>
      <c r="U460" s="197">
        <v>16.76300578034682</v>
      </c>
      <c r="V460" s="197">
        <v>24.137931034482758</v>
      </c>
      <c r="W460" s="198">
        <v>20.161290322580644</v>
      </c>
    </row>
    <row r="461" spans="1:23" s="2" customFormat="1" ht="37.5" customHeight="1" x14ac:dyDescent="0.15">
      <c r="A461" s="13"/>
      <c r="B461" s="186" t="s">
        <v>335</v>
      </c>
      <c r="C461" s="193">
        <v>25.493562231759658</v>
      </c>
      <c r="D461" s="194">
        <v>22.525107604017215</v>
      </c>
      <c r="E461" s="195">
        <v>27.352941176470591</v>
      </c>
      <c r="F461" s="195">
        <v>35.64356435643564</v>
      </c>
      <c r="G461" s="196">
        <v>40.74074074074074</v>
      </c>
      <c r="H461" s="194">
        <v>0</v>
      </c>
      <c r="I461" s="195">
        <v>14.678899082568808</v>
      </c>
      <c r="J461" s="195">
        <v>10</v>
      </c>
      <c r="K461" s="195">
        <v>47.368421052631575</v>
      </c>
      <c r="L461" s="195">
        <v>26.027397260273972</v>
      </c>
      <c r="M461" s="195">
        <v>16.666666666666664</v>
      </c>
      <c r="N461" s="195">
        <v>35.632183908045981</v>
      </c>
      <c r="O461" s="195">
        <v>61.666666666666671</v>
      </c>
      <c r="P461" s="195">
        <v>17.857142857142858</v>
      </c>
      <c r="Q461" s="195">
        <v>12.857142857142856</v>
      </c>
      <c r="R461" s="195">
        <v>22.413793103448278</v>
      </c>
      <c r="S461" s="195">
        <v>28.571428571428569</v>
      </c>
      <c r="T461" s="197">
        <v>24.489795918367346</v>
      </c>
      <c r="U461" s="197">
        <v>34.682080924855491</v>
      </c>
      <c r="V461" s="197">
        <v>68.965517241379317</v>
      </c>
      <c r="W461" s="198">
        <v>20.161290322580644</v>
      </c>
    </row>
    <row r="462" spans="1:23" s="2" customFormat="1" ht="37.5" customHeight="1" x14ac:dyDescent="0.15">
      <c r="A462" s="13"/>
      <c r="B462" s="186" t="s">
        <v>336</v>
      </c>
      <c r="C462" s="193">
        <v>20.085836909871244</v>
      </c>
      <c r="D462" s="194">
        <v>15.351506456241031</v>
      </c>
      <c r="E462" s="195">
        <v>22.647058823529413</v>
      </c>
      <c r="F462" s="195">
        <v>39.603960396039604</v>
      </c>
      <c r="G462" s="196">
        <v>37.037037037037038</v>
      </c>
      <c r="H462" s="194">
        <v>0</v>
      </c>
      <c r="I462" s="195">
        <v>19.26605504587156</v>
      </c>
      <c r="J462" s="195">
        <v>10.714285714285714</v>
      </c>
      <c r="K462" s="195">
        <v>73.68421052631578</v>
      </c>
      <c r="L462" s="195">
        <v>15.068493150684931</v>
      </c>
      <c r="M462" s="195">
        <v>10.784313725490197</v>
      </c>
      <c r="N462" s="195">
        <v>24.137931034482758</v>
      </c>
      <c r="O462" s="195">
        <v>33.333333333333329</v>
      </c>
      <c r="P462" s="195">
        <v>10.714285714285714</v>
      </c>
      <c r="Q462" s="195">
        <v>11.428571428571429</v>
      </c>
      <c r="R462" s="195">
        <v>13.793103448275861</v>
      </c>
      <c r="S462" s="195">
        <v>17.142857142857142</v>
      </c>
      <c r="T462" s="197">
        <v>38.775510204081634</v>
      </c>
      <c r="U462" s="197">
        <v>27.167630057803464</v>
      </c>
      <c r="V462" s="197">
        <v>31.03448275862069</v>
      </c>
      <c r="W462" s="198">
        <v>16.93548387096774</v>
      </c>
    </row>
    <row r="463" spans="1:23" s="2" customFormat="1" ht="37.5" customHeight="1" x14ac:dyDescent="0.15">
      <c r="A463" s="13"/>
      <c r="B463" s="186" t="s">
        <v>337</v>
      </c>
      <c r="C463" s="193">
        <v>21.115879828326182</v>
      </c>
      <c r="D463" s="194">
        <v>20.803443328550934</v>
      </c>
      <c r="E463" s="195">
        <v>19.411764705882355</v>
      </c>
      <c r="F463" s="195">
        <v>25.742574257425744</v>
      </c>
      <c r="G463" s="196">
        <v>33.333333333333329</v>
      </c>
      <c r="H463" s="194">
        <v>11.111111111111111</v>
      </c>
      <c r="I463" s="195">
        <v>11.926605504587156</v>
      </c>
      <c r="J463" s="195">
        <v>15</v>
      </c>
      <c r="K463" s="195">
        <v>52.631578947368418</v>
      </c>
      <c r="L463" s="195">
        <v>15.068493150684931</v>
      </c>
      <c r="M463" s="195">
        <v>15.686274509803921</v>
      </c>
      <c r="N463" s="195">
        <v>20.689655172413794</v>
      </c>
      <c r="O463" s="195">
        <v>50</v>
      </c>
      <c r="P463" s="195">
        <v>21.428571428571427</v>
      </c>
      <c r="Q463" s="195">
        <v>22.857142857142858</v>
      </c>
      <c r="R463" s="195">
        <v>22.413793103448278</v>
      </c>
      <c r="S463" s="195">
        <v>22.857142857142858</v>
      </c>
      <c r="T463" s="197">
        <v>30.612244897959183</v>
      </c>
      <c r="U463" s="197">
        <v>19.653179190751445</v>
      </c>
      <c r="V463" s="197">
        <v>37.931034482758619</v>
      </c>
      <c r="W463" s="198">
        <v>18.548387096774192</v>
      </c>
    </row>
    <row r="464" spans="1:23" s="2" customFormat="1" ht="37.5" customHeight="1" x14ac:dyDescent="0.15">
      <c r="A464" s="13"/>
      <c r="B464" s="186" t="s">
        <v>338</v>
      </c>
      <c r="C464" s="199">
        <v>15.879828326180256</v>
      </c>
      <c r="D464" s="200">
        <v>14.634146341463413</v>
      </c>
      <c r="E464" s="201">
        <v>17.058823529411764</v>
      </c>
      <c r="F464" s="201">
        <v>21.782178217821784</v>
      </c>
      <c r="G464" s="198">
        <v>11.111111111111111</v>
      </c>
      <c r="H464" s="200">
        <v>0</v>
      </c>
      <c r="I464" s="201">
        <v>10.091743119266056</v>
      </c>
      <c r="J464" s="201">
        <v>13.571428571428571</v>
      </c>
      <c r="K464" s="201">
        <v>10.526315789473683</v>
      </c>
      <c r="L464" s="201">
        <v>19.17808219178082</v>
      </c>
      <c r="M464" s="201">
        <v>9.8039215686274517</v>
      </c>
      <c r="N464" s="201">
        <v>20.689655172413794</v>
      </c>
      <c r="O464" s="201">
        <v>43.333333333333336</v>
      </c>
      <c r="P464" s="201">
        <v>7.1428571428571423</v>
      </c>
      <c r="Q464" s="201">
        <v>17.142857142857142</v>
      </c>
      <c r="R464" s="201">
        <v>10.344827586206897</v>
      </c>
      <c r="S464" s="201">
        <v>2.8571428571428572</v>
      </c>
      <c r="T464" s="202">
        <v>34.693877551020407</v>
      </c>
      <c r="U464" s="202">
        <v>10.982658959537572</v>
      </c>
      <c r="V464" s="202">
        <v>27.586206896551722</v>
      </c>
      <c r="W464" s="198">
        <v>16.129032258064516</v>
      </c>
    </row>
    <row r="465" spans="1:23" s="2" customFormat="1" ht="37.5" customHeight="1" x14ac:dyDescent="0.15">
      <c r="A465" s="118"/>
      <c r="B465" s="186" t="s">
        <v>137</v>
      </c>
      <c r="C465" s="193">
        <v>2.7467811158798283</v>
      </c>
      <c r="D465" s="194">
        <v>3.1563845050215207</v>
      </c>
      <c r="E465" s="195">
        <v>1.1764705882352942</v>
      </c>
      <c r="F465" s="195">
        <v>4.9504950495049505</v>
      </c>
      <c r="G465" s="196">
        <v>3.7037037037037033</v>
      </c>
      <c r="H465" s="194">
        <v>0</v>
      </c>
      <c r="I465" s="195">
        <v>0.91743119266055051</v>
      </c>
      <c r="J465" s="195">
        <v>2.1428571428571428</v>
      </c>
      <c r="K465" s="195">
        <v>0</v>
      </c>
      <c r="L465" s="195">
        <v>2.7397260273972601</v>
      </c>
      <c r="M465" s="195">
        <v>2.9411764705882351</v>
      </c>
      <c r="N465" s="195">
        <v>0</v>
      </c>
      <c r="O465" s="195">
        <v>0</v>
      </c>
      <c r="P465" s="195">
        <v>0</v>
      </c>
      <c r="Q465" s="195">
        <v>0</v>
      </c>
      <c r="R465" s="195">
        <v>8.6206896551724146</v>
      </c>
      <c r="S465" s="195">
        <v>2.8571428571428572</v>
      </c>
      <c r="T465" s="197">
        <v>6.1224489795918364</v>
      </c>
      <c r="U465" s="197">
        <v>5.202312138728324</v>
      </c>
      <c r="V465" s="197">
        <v>0</v>
      </c>
      <c r="W465" s="196">
        <v>4.032258064516129</v>
      </c>
    </row>
    <row r="466" spans="1:23" s="2" customFormat="1" ht="37.5" customHeight="1" thickBot="1" x14ac:dyDescent="0.2">
      <c r="A466" s="8" t="s">
        <v>138</v>
      </c>
      <c r="B466" s="28"/>
      <c r="C466" s="203">
        <v>37.081545064377679</v>
      </c>
      <c r="D466" s="204">
        <v>43.185078909612621</v>
      </c>
      <c r="E466" s="205">
        <v>32.941176470588232</v>
      </c>
      <c r="F466" s="205">
        <v>17.82178217821782</v>
      </c>
      <c r="G466" s="206">
        <v>3.7037037037037033</v>
      </c>
      <c r="H466" s="204">
        <v>66.666666666666657</v>
      </c>
      <c r="I466" s="205">
        <v>55.963302752293572</v>
      </c>
      <c r="J466" s="205">
        <v>50</v>
      </c>
      <c r="K466" s="205">
        <v>15.789473684210526</v>
      </c>
      <c r="L466" s="205">
        <v>27.397260273972602</v>
      </c>
      <c r="M466" s="205">
        <v>41.17647058823529</v>
      </c>
      <c r="N466" s="205">
        <v>29.885057471264371</v>
      </c>
      <c r="O466" s="205">
        <v>10</v>
      </c>
      <c r="P466" s="205">
        <v>57.142857142857139</v>
      </c>
      <c r="Q466" s="205">
        <v>40</v>
      </c>
      <c r="R466" s="205">
        <v>34.482758620689658</v>
      </c>
      <c r="S466" s="205">
        <v>34.285714285714285</v>
      </c>
      <c r="T466" s="207">
        <v>22.448979591836736</v>
      </c>
      <c r="U466" s="207">
        <v>31.79190751445087</v>
      </c>
      <c r="V466" s="207">
        <v>27.586206896551722</v>
      </c>
      <c r="W466" s="206">
        <v>38.70967741935484</v>
      </c>
    </row>
    <row r="467" spans="1:23" s="2" customFormat="1" hidden="1" x14ac:dyDescent="0.15"/>
    <row r="468" spans="1:23" s="2" customFormat="1" hidden="1" x14ac:dyDescent="0.15"/>
    <row r="469" spans="1:23" s="2" customFormat="1" x14ac:dyDescent="0.15">
      <c r="A469" s="2" t="s">
        <v>339</v>
      </c>
      <c r="F469" s="2" t="s">
        <v>455</v>
      </c>
    </row>
    <row r="470" spans="1:23" s="2" customFormat="1" ht="14.25" thickBot="1" x14ac:dyDescent="0.2">
      <c r="V470" s="1"/>
      <c r="W470" s="1" t="s">
        <v>75</v>
      </c>
    </row>
    <row r="471" spans="1:23" s="2" customFormat="1" x14ac:dyDescent="0.15">
      <c r="A471" s="4"/>
      <c r="B471" s="5" t="s">
        <v>76</v>
      </c>
      <c r="C471" s="67"/>
      <c r="D471" s="37" t="s">
        <v>15</v>
      </c>
      <c r="E471" s="38"/>
      <c r="F471" s="38"/>
      <c r="G471" s="48"/>
      <c r="H471" s="37" t="s">
        <v>20</v>
      </c>
      <c r="I471" s="38"/>
      <c r="J471" s="38"/>
      <c r="K471" s="38"/>
      <c r="L471" s="38"/>
      <c r="M471" s="38"/>
      <c r="N471" s="38"/>
      <c r="O471" s="38"/>
      <c r="P471" s="38"/>
      <c r="Q471" s="38"/>
      <c r="R471" s="38"/>
      <c r="S471" s="38"/>
      <c r="T471" s="38"/>
      <c r="U471" s="38"/>
      <c r="V471" s="38"/>
      <c r="W471" s="48"/>
    </row>
    <row r="472" spans="1:23" s="2" customFormat="1" ht="54.75" thickBot="1" x14ac:dyDescent="0.2">
      <c r="A472" s="8" t="s">
        <v>87</v>
      </c>
      <c r="B472" s="9"/>
      <c r="C472" s="95" t="s">
        <v>19</v>
      </c>
      <c r="D472" s="10" t="s">
        <v>61</v>
      </c>
      <c r="E472" s="96" t="s">
        <v>181</v>
      </c>
      <c r="F472" s="96" t="s">
        <v>193</v>
      </c>
      <c r="G472" s="12" t="s">
        <v>1</v>
      </c>
      <c r="H472" s="53" t="s">
        <v>2</v>
      </c>
      <c r="I472" s="78" t="s">
        <v>105</v>
      </c>
      <c r="J472" s="78" t="s">
        <v>129</v>
      </c>
      <c r="K472" s="170" t="s">
        <v>183</v>
      </c>
      <c r="L472" s="171" t="s">
        <v>4</v>
      </c>
      <c r="M472" s="172" t="s">
        <v>5</v>
      </c>
      <c r="N472" s="171" t="s">
        <v>82</v>
      </c>
      <c r="O472" s="171" t="s">
        <v>6</v>
      </c>
      <c r="P472" s="172" t="s">
        <v>7</v>
      </c>
      <c r="Q472" s="173" t="s">
        <v>8</v>
      </c>
      <c r="R472" s="172" t="s">
        <v>9</v>
      </c>
      <c r="S472" s="171" t="s">
        <v>10</v>
      </c>
      <c r="T472" s="171" t="s">
        <v>11</v>
      </c>
      <c r="U472" s="171" t="s">
        <v>12</v>
      </c>
      <c r="V472" s="58" t="s">
        <v>83</v>
      </c>
      <c r="W472" s="174" t="s">
        <v>13</v>
      </c>
    </row>
    <row r="473" spans="1:23" s="2" customFormat="1" ht="37.5" customHeight="1" x14ac:dyDescent="0.15">
      <c r="A473" s="13" t="s">
        <v>130</v>
      </c>
      <c r="B473" s="19"/>
      <c r="C473" s="208">
        <v>77.225130890052355</v>
      </c>
      <c r="D473" s="209">
        <v>66.422287390029325</v>
      </c>
      <c r="E473" s="210">
        <v>91.044776119402982</v>
      </c>
      <c r="F473" s="210">
        <v>98.039215686274503</v>
      </c>
      <c r="G473" s="211">
        <v>100</v>
      </c>
      <c r="H473" s="99">
        <v>40</v>
      </c>
      <c r="I473" s="100">
        <v>57.142857142857139</v>
      </c>
      <c r="J473" s="100">
        <v>69.117647058823522</v>
      </c>
      <c r="K473" s="100">
        <v>88.888888888888886</v>
      </c>
      <c r="L473" s="100">
        <v>82.191780821917803</v>
      </c>
      <c r="M473" s="100">
        <v>76.767676767676761</v>
      </c>
      <c r="N473" s="100">
        <v>84.883720930232556</v>
      </c>
      <c r="O473" s="100">
        <v>98.305084745762713</v>
      </c>
      <c r="P473" s="100">
        <v>51.851851851851848</v>
      </c>
      <c r="Q473" s="100">
        <v>67.692307692307693</v>
      </c>
      <c r="R473" s="100">
        <v>71.666666666666671</v>
      </c>
      <c r="S473" s="100">
        <v>70.588235294117652</v>
      </c>
      <c r="T473" s="102">
        <v>82</v>
      </c>
      <c r="U473" s="102">
        <v>89.534883720930239</v>
      </c>
      <c r="V473" s="102">
        <v>96.666666666666671</v>
      </c>
      <c r="W473" s="15">
        <v>77.868852459016395</v>
      </c>
    </row>
    <row r="474" spans="1:23" s="2" customFormat="1" ht="37.5" customHeight="1" x14ac:dyDescent="0.15">
      <c r="A474" s="93"/>
      <c r="B474" s="44" t="s">
        <v>340</v>
      </c>
      <c r="C474" s="88">
        <v>30.366492146596858</v>
      </c>
      <c r="D474" s="89">
        <v>23.900293255131967</v>
      </c>
      <c r="E474" s="26">
        <v>34.92537313432836</v>
      </c>
      <c r="F474" s="26">
        <v>52.941176470588239</v>
      </c>
      <c r="G474" s="27">
        <v>51.851851851851848</v>
      </c>
      <c r="H474" s="89">
        <v>0</v>
      </c>
      <c r="I474" s="26">
        <v>15.238095238095239</v>
      </c>
      <c r="J474" s="26">
        <v>21.323529411764707</v>
      </c>
      <c r="K474" s="26">
        <v>83.333333333333343</v>
      </c>
      <c r="L474" s="26">
        <v>23.287671232876711</v>
      </c>
      <c r="M474" s="26">
        <v>27.27272727272727</v>
      </c>
      <c r="N474" s="26">
        <v>29.069767441860467</v>
      </c>
      <c r="O474" s="26">
        <v>64.406779661016941</v>
      </c>
      <c r="P474" s="26">
        <v>11.111111111111111</v>
      </c>
      <c r="Q474" s="26">
        <v>20</v>
      </c>
      <c r="R474" s="26">
        <v>20</v>
      </c>
      <c r="S474" s="26">
        <v>17.647058823529413</v>
      </c>
      <c r="T474" s="91">
        <v>48</v>
      </c>
      <c r="U474" s="91">
        <v>32.558139534883722</v>
      </c>
      <c r="V474" s="91">
        <v>73.333333333333329</v>
      </c>
      <c r="W474" s="25">
        <v>36.885245901639344</v>
      </c>
    </row>
    <row r="475" spans="1:23" s="2" customFormat="1" ht="37.5" customHeight="1" x14ac:dyDescent="0.15">
      <c r="A475" s="93"/>
      <c r="B475" s="44" t="s">
        <v>341</v>
      </c>
      <c r="C475" s="88">
        <v>18.32460732984293</v>
      </c>
      <c r="D475" s="89">
        <v>13.782991202346039</v>
      </c>
      <c r="E475" s="26">
        <v>20.8955223880597</v>
      </c>
      <c r="F475" s="26">
        <v>31.372549019607842</v>
      </c>
      <c r="G475" s="27">
        <v>51.851851851851848</v>
      </c>
      <c r="H475" s="89">
        <v>0</v>
      </c>
      <c r="I475" s="26">
        <v>12.380952380952381</v>
      </c>
      <c r="J475" s="26">
        <v>13.970588235294118</v>
      </c>
      <c r="K475" s="26">
        <v>55.555555555555557</v>
      </c>
      <c r="L475" s="26">
        <v>17.80821917808219</v>
      </c>
      <c r="M475" s="26">
        <v>14.14141414141414</v>
      </c>
      <c r="N475" s="26">
        <v>20.930232558139537</v>
      </c>
      <c r="O475" s="26">
        <v>38.983050847457626</v>
      </c>
      <c r="P475" s="26">
        <v>7.4074074074074066</v>
      </c>
      <c r="Q475" s="26">
        <v>12.307692307692308</v>
      </c>
      <c r="R475" s="26">
        <v>16.666666666666664</v>
      </c>
      <c r="S475" s="26">
        <v>8.8235294117647065</v>
      </c>
      <c r="T475" s="91">
        <v>34</v>
      </c>
      <c r="U475" s="91">
        <v>16.86046511627907</v>
      </c>
      <c r="V475" s="91">
        <v>30</v>
      </c>
      <c r="W475" s="25">
        <v>18.032786885245901</v>
      </c>
    </row>
    <row r="476" spans="1:23" s="2" customFormat="1" ht="37.5" customHeight="1" x14ac:dyDescent="0.15">
      <c r="A476" s="93"/>
      <c r="B476" s="44" t="s">
        <v>342</v>
      </c>
      <c r="C476" s="88">
        <v>37.434554973821989</v>
      </c>
      <c r="D476" s="89">
        <v>28.592375366568916</v>
      </c>
      <c r="E476" s="26">
        <v>44.776119402985074</v>
      </c>
      <c r="F476" s="26">
        <v>64.705882352941174</v>
      </c>
      <c r="G476" s="27">
        <v>66.666666666666657</v>
      </c>
      <c r="H476" s="89">
        <v>10</v>
      </c>
      <c r="I476" s="26">
        <v>31.428571428571427</v>
      </c>
      <c r="J476" s="26">
        <v>32.352941176470587</v>
      </c>
      <c r="K476" s="26">
        <v>72.222222222222214</v>
      </c>
      <c r="L476" s="26">
        <v>30.136986301369863</v>
      </c>
      <c r="M476" s="26">
        <v>42.424242424242422</v>
      </c>
      <c r="N476" s="26">
        <v>46.511627906976742</v>
      </c>
      <c r="O476" s="26">
        <v>61.016949152542374</v>
      </c>
      <c r="P476" s="26">
        <v>14.814814814814813</v>
      </c>
      <c r="Q476" s="26">
        <v>23.076923076923077</v>
      </c>
      <c r="R476" s="26">
        <v>25</v>
      </c>
      <c r="S476" s="26">
        <v>35.294117647058826</v>
      </c>
      <c r="T476" s="91">
        <v>38</v>
      </c>
      <c r="U476" s="91">
        <v>40.116279069767444</v>
      </c>
      <c r="V476" s="91">
        <v>70</v>
      </c>
      <c r="W476" s="25">
        <v>35.245901639344261</v>
      </c>
    </row>
    <row r="477" spans="1:23" s="2" customFormat="1" ht="37.5" customHeight="1" x14ac:dyDescent="0.15">
      <c r="A477" s="93"/>
      <c r="B477" s="44" t="s">
        <v>343</v>
      </c>
      <c r="C477" s="88">
        <v>56.369982547993011</v>
      </c>
      <c r="D477" s="89">
        <v>42.668621700879768</v>
      </c>
      <c r="E477" s="26">
        <v>70.447761194029852</v>
      </c>
      <c r="F477" s="26">
        <v>91.17647058823529</v>
      </c>
      <c r="G477" s="27">
        <v>96.296296296296291</v>
      </c>
      <c r="H477" s="89">
        <v>40</v>
      </c>
      <c r="I477" s="26">
        <v>35.238095238095241</v>
      </c>
      <c r="J477" s="26">
        <v>50</v>
      </c>
      <c r="K477" s="26">
        <v>83.333333333333343</v>
      </c>
      <c r="L477" s="26">
        <v>56.164383561643838</v>
      </c>
      <c r="M477" s="26">
        <v>54.54545454545454</v>
      </c>
      <c r="N477" s="26">
        <v>58.139534883720934</v>
      </c>
      <c r="O477" s="26">
        <v>94.915254237288138</v>
      </c>
      <c r="P477" s="26">
        <v>25.925925925925924</v>
      </c>
      <c r="Q477" s="26">
        <v>36.923076923076927</v>
      </c>
      <c r="R477" s="26">
        <v>55.000000000000007</v>
      </c>
      <c r="S477" s="26">
        <v>44.117647058823529</v>
      </c>
      <c r="T477" s="91">
        <v>62</v>
      </c>
      <c r="U477" s="91">
        <v>64.534883720930239</v>
      </c>
      <c r="V477" s="91">
        <v>90</v>
      </c>
      <c r="W477" s="25">
        <v>59.83606557377049</v>
      </c>
    </row>
    <row r="478" spans="1:23" s="2" customFormat="1" ht="37.5" customHeight="1" x14ac:dyDescent="0.15">
      <c r="A478" s="93"/>
      <c r="B478" s="44" t="s">
        <v>344</v>
      </c>
      <c r="C478" s="71">
        <v>28.184991273996506</v>
      </c>
      <c r="D478" s="72">
        <v>21.700879765395893</v>
      </c>
      <c r="E478" s="18">
        <v>31.343283582089555</v>
      </c>
      <c r="F478" s="18">
        <v>52.941176470588239</v>
      </c>
      <c r="G478" s="25">
        <v>59.259259259259252</v>
      </c>
      <c r="H478" s="72">
        <v>0</v>
      </c>
      <c r="I478" s="18">
        <v>10.476190476190476</v>
      </c>
      <c r="J478" s="18">
        <v>19.117647058823529</v>
      </c>
      <c r="K478" s="18">
        <v>72.222222222222214</v>
      </c>
      <c r="L478" s="18">
        <v>26.027397260273972</v>
      </c>
      <c r="M478" s="18">
        <v>21.212121212121211</v>
      </c>
      <c r="N478" s="18">
        <v>32.558139534883722</v>
      </c>
      <c r="O478" s="18">
        <v>62.711864406779661</v>
      </c>
      <c r="P478" s="18">
        <v>11.111111111111111</v>
      </c>
      <c r="Q478" s="18">
        <v>12.307692307692308</v>
      </c>
      <c r="R478" s="18">
        <v>10</v>
      </c>
      <c r="S478" s="18">
        <v>29.411764705882355</v>
      </c>
      <c r="T478" s="73">
        <v>32</v>
      </c>
      <c r="U478" s="73">
        <v>41.860465116279073</v>
      </c>
      <c r="V478" s="73">
        <v>83.333333333333343</v>
      </c>
      <c r="W478" s="25">
        <v>22.950819672131146</v>
      </c>
    </row>
    <row r="479" spans="1:23" s="2" customFormat="1" ht="37.5" customHeight="1" x14ac:dyDescent="0.15">
      <c r="A479" s="93"/>
      <c r="B479" s="44" t="s">
        <v>345</v>
      </c>
      <c r="C479" s="88">
        <v>58.551483420593364</v>
      </c>
      <c r="D479" s="89">
        <v>48.680351906158357</v>
      </c>
      <c r="E479" s="26">
        <v>70.447761194029852</v>
      </c>
      <c r="F479" s="26">
        <v>79.411764705882348</v>
      </c>
      <c r="G479" s="27">
        <v>81.481481481481481</v>
      </c>
      <c r="H479" s="89">
        <v>20</v>
      </c>
      <c r="I479" s="26">
        <v>42.857142857142854</v>
      </c>
      <c r="J479" s="26">
        <v>50</v>
      </c>
      <c r="K479" s="26">
        <v>61.111111111111114</v>
      </c>
      <c r="L479" s="26">
        <v>64.38356164383562</v>
      </c>
      <c r="M479" s="26">
        <v>54.54545454545454</v>
      </c>
      <c r="N479" s="26">
        <v>63.953488372093027</v>
      </c>
      <c r="O479" s="26">
        <v>79.66101694915254</v>
      </c>
      <c r="P479" s="26">
        <v>33.333333333333329</v>
      </c>
      <c r="Q479" s="26">
        <v>52.307692307692314</v>
      </c>
      <c r="R479" s="26">
        <v>51.666666666666671</v>
      </c>
      <c r="S479" s="26">
        <v>44.117647058823529</v>
      </c>
      <c r="T479" s="91">
        <v>70</v>
      </c>
      <c r="U479" s="91">
        <v>73.837209302325576</v>
      </c>
      <c r="V479" s="91">
        <v>73.333333333333329</v>
      </c>
      <c r="W479" s="25">
        <v>56.557377049180324</v>
      </c>
    </row>
    <row r="480" spans="1:23" s="2" customFormat="1" ht="37.5" customHeight="1" x14ac:dyDescent="0.15">
      <c r="A480" s="93"/>
      <c r="B480" s="44" t="s">
        <v>346</v>
      </c>
      <c r="C480" s="88">
        <v>13.001745200698082</v>
      </c>
      <c r="D480" s="89">
        <v>11.87683284457478</v>
      </c>
      <c r="E480" s="26">
        <v>13.432835820895523</v>
      </c>
      <c r="F480" s="26">
        <v>19.607843137254903</v>
      </c>
      <c r="G480" s="27">
        <v>11.111111111111111</v>
      </c>
      <c r="H480" s="89">
        <v>0</v>
      </c>
      <c r="I480" s="26">
        <v>3.8095238095238098</v>
      </c>
      <c r="J480" s="26">
        <v>8.8235294117647065</v>
      </c>
      <c r="K480" s="26">
        <v>16.666666666666664</v>
      </c>
      <c r="L480" s="26">
        <v>10.95890410958904</v>
      </c>
      <c r="M480" s="26">
        <v>14.14141414141414</v>
      </c>
      <c r="N480" s="26">
        <v>11.627906976744185</v>
      </c>
      <c r="O480" s="26">
        <v>50.847457627118644</v>
      </c>
      <c r="P480" s="26">
        <v>11.111111111111111</v>
      </c>
      <c r="Q480" s="26">
        <v>13.846153846153847</v>
      </c>
      <c r="R480" s="26">
        <v>11.666666666666666</v>
      </c>
      <c r="S480" s="26">
        <v>11.76470588235294</v>
      </c>
      <c r="T480" s="91">
        <v>22</v>
      </c>
      <c r="U480" s="91">
        <v>6.395348837209303</v>
      </c>
      <c r="V480" s="91">
        <v>33.333333333333329</v>
      </c>
      <c r="W480" s="25">
        <v>10.655737704918032</v>
      </c>
    </row>
    <row r="481" spans="1:23" s="2" customFormat="1" ht="37.5" customHeight="1" x14ac:dyDescent="0.15">
      <c r="A481" s="93"/>
      <c r="B481" s="44" t="s">
        <v>137</v>
      </c>
      <c r="C481" s="71">
        <v>1.832460732984293</v>
      </c>
      <c r="D481" s="72">
        <v>1.9061583577712611</v>
      </c>
      <c r="E481" s="18">
        <v>1.4925373134328357</v>
      </c>
      <c r="F481" s="18">
        <v>1.9607843137254901</v>
      </c>
      <c r="G481" s="25">
        <v>3.7037037037037033</v>
      </c>
      <c r="H481" s="72">
        <v>0</v>
      </c>
      <c r="I481" s="18">
        <v>0</v>
      </c>
      <c r="J481" s="18">
        <v>0</v>
      </c>
      <c r="K481" s="18">
        <v>11.111111111111111</v>
      </c>
      <c r="L481" s="18">
        <v>1.3698630136986301</v>
      </c>
      <c r="M481" s="18">
        <v>1.0101010101010102</v>
      </c>
      <c r="N481" s="18">
        <v>0</v>
      </c>
      <c r="O481" s="18">
        <v>0</v>
      </c>
      <c r="P481" s="18">
        <v>0</v>
      </c>
      <c r="Q481" s="18">
        <v>1.5384615384615385</v>
      </c>
      <c r="R481" s="18">
        <v>3.3333333333333335</v>
      </c>
      <c r="S481" s="18">
        <v>0</v>
      </c>
      <c r="T481" s="73">
        <v>4</v>
      </c>
      <c r="U481" s="73">
        <v>4.6511627906976747</v>
      </c>
      <c r="V481" s="73">
        <v>0</v>
      </c>
      <c r="W481" s="25">
        <v>3.278688524590164</v>
      </c>
    </row>
    <row r="482" spans="1:23" s="2" customFormat="1" ht="37.5" customHeight="1" thickBot="1" x14ac:dyDescent="0.2">
      <c r="A482" s="46" t="s">
        <v>138</v>
      </c>
      <c r="B482" s="47"/>
      <c r="C482" s="76">
        <v>22.774869109947645</v>
      </c>
      <c r="D482" s="77">
        <v>33.577712609970675</v>
      </c>
      <c r="E482" s="29">
        <v>8.9552238805970141</v>
      </c>
      <c r="F482" s="29">
        <v>1.9607843137254901</v>
      </c>
      <c r="G482" s="30">
        <v>0</v>
      </c>
      <c r="H482" s="77">
        <v>60</v>
      </c>
      <c r="I482" s="29">
        <v>42.857142857142854</v>
      </c>
      <c r="J482" s="29">
        <v>30.882352941176471</v>
      </c>
      <c r="K482" s="29">
        <v>11.111111111111111</v>
      </c>
      <c r="L482" s="29">
        <v>17.80821917808219</v>
      </c>
      <c r="M482" s="29">
        <v>23.232323232323232</v>
      </c>
      <c r="N482" s="29">
        <v>15.11627906976744</v>
      </c>
      <c r="O482" s="29">
        <v>1.6949152542372881</v>
      </c>
      <c r="P482" s="29">
        <v>48.148148148148145</v>
      </c>
      <c r="Q482" s="29">
        <v>32.307692307692307</v>
      </c>
      <c r="R482" s="29">
        <v>28.333333333333332</v>
      </c>
      <c r="S482" s="29">
        <v>29.411764705882355</v>
      </c>
      <c r="T482" s="65">
        <v>18</v>
      </c>
      <c r="U482" s="65">
        <v>10.465116279069768</v>
      </c>
      <c r="V482" s="65">
        <v>3.3333333333333335</v>
      </c>
      <c r="W482" s="30">
        <v>22.131147540983605</v>
      </c>
    </row>
    <row r="483" spans="1:23" s="2" customFormat="1" x14ac:dyDescent="0.15"/>
    <row r="484" spans="1:23" s="2" customFormat="1" x14ac:dyDescent="0.15"/>
    <row r="485" spans="1:23" s="2" customFormat="1" x14ac:dyDescent="0.15">
      <c r="A485" s="2" t="s">
        <v>347</v>
      </c>
      <c r="F485" s="2" t="s">
        <v>455</v>
      </c>
    </row>
    <row r="486" spans="1:23" s="2" customFormat="1" ht="14.25" thickBot="1" x14ac:dyDescent="0.2">
      <c r="V486" s="1"/>
      <c r="W486" s="1" t="s">
        <v>75</v>
      </c>
    </row>
    <row r="487" spans="1:23" s="2" customFormat="1" x14ac:dyDescent="0.15">
      <c r="A487" s="4"/>
      <c r="B487" s="5" t="s">
        <v>76</v>
      </c>
      <c r="C487" s="67"/>
      <c r="D487" s="37" t="s">
        <v>15</v>
      </c>
      <c r="E487" s="38"/>
      <c r="F487" s="38"/>
      <c r="G487" s="48"/>
      <c r="H487" s="37" t="s">
        <v>20</v>
      </c>
      <c r="I487" s="38"/>
      <c r="J487" s="38"/>
      <c r="K487" s="38"/>
      <c r="L487" s="38"/>
      <c r="M487" s="38"/>
      <c r="N487" s="38"/>
      <c r="O487" s="38"/>
      <c r="P487" s="38"/>
      <c r="Q487" s="38"/>
      <c r="R487" s="38"/>
      <c r="S487" s="38"/>
      <c r="T487" s="38"/>
      <c r="U487" s="38"/>
      <c r="V487" s="38"/>
      <c r="W487" s="48"/>
    </row>
    <row r="488" spans="1:23" s="2" customFormat="1" ht="54.75" thickBot="1" x14ac:dyDescent="0.2">
      <c r="A488" s="8" t="s">
        <v>87</v>
      </c>
      <c r="B488" s="9"/>
      <c r="C488" s="95" t="s">
        <v>19</v>
      </c>
      <c r="D488" s="10" t="s">
        <v>174</v>
      </c>
      <c r="E488" s="96" t="s">
        <v>181</v>
      </c>
      <c r="F488" s="96" t="s">
        <v>128</v>
      </c>
      <c r="G488" s="12" t="s">
        <v>1</v>
      </c>
      <c r="H488" s="53" t="s">
        <v>2</v>
      </c>
      <c r="I488" s="78" t="s">
        <v>105</v>
      </c>
      <c r="J488" s="78" t="s">
        <v>129</v>
      </c>
      <c r="K488" s="170" t="s">
        <v>183</v>
      </c>
      <c r="L488" s="171" t="s">
        <v>4</v>
      </c>
      <c r="M488" s="172" t="s">
        <v>5</v>
      </c>
      <c r="N488" s="171" t="s">
        <v>82</v>
      </c>
      <c r="O488" s="171" t="s">
        <v>6</v>
      </c>
      <c r="P488" s="172" t="s">
        <v>7</v>
      </c>
      <c r="Q488" s="173" t="s">
        <v>8</v>
      </c>
      <c r="R488" s="172" t="s">
        <v>9</v>
      </c>
      <c r="S488" s="171" t="s">
        <v>10</v>
      </c>
      <c r="T488" s="171" t="s">
        <v>11</v>
      </c>
      <c r="U488" s="171" t="s">
        <v>12</v>
      </c>
      <c r="V488" s="58" t="s">
        <v>83</v>
      </c>
      <c r="W488" s="174" t="s">
        <v>13</v>
      </c>
    </row>
    <row r="489" spans="1:23" s="2" customFormat="1" ht="37.5" customHeight="1" x14ac:dyDescent="0.15">
      <c r="A489" s="13" t="s">
        <v>130</v>
      </c>
      <c r="B489" s="19"/>
      <c r="C489" s="208">
        <v>72.95004712535345</v>
      </c>
      <c r="D489" s="209">
        <v>61.705426356589143</v>
      </c>
      <c r="E489" s="210">
        <v>87.625418060200673</v>
      </c>
      <c r="F489" s="210">
        <v>96.703296703296701</v>
      </c>
      <c r="G489" s="211">
        <v>100</v>
      </c>
      <c r="H489" s="99">
        <v>33.333333333333329</v>
      </c>
      <c r="I489" s="100">
        <v>53.061224489795919</v>
      </c>
      <c r="J489" s="100">
        <v>64</v>
      </c>
      <c r="K489" s="100">
        <v>88.888888888888886</v>
      </c>
      <c r="L489" s="100">
        <v>79.104477611940297</v>
      </c>
      <c r="M489" s="100">
        <v>71.590909090909093</v>
      </c>
      <c r="N489" s="100">
        <v>82.926829268292678</v>
      </c>
      <c r="O489" s="100">
        <v>98.275862068965509</v>
      </c>
      <c r="P489" s="100">
        <v>41.666666666666671</v>
      </c>
      <c r="Q489" s="100">
        <v>64.516129032258064</v>
      </c>
      <c r="R489" s="100">
        <v>70.175438596491219</v>
      </c>
      <c r="S489" s="100">
        <v>60.606060606060609</v>
      </c>
      <c r="T489" s="102">
        <v>79.545454545454547</v>
      </c>
      <c r="U489" s="102">
        <v>81.333333333333329</v>
      </c>
      <c r="V489" s="102">
        <v>96.666666666666671</v>
      </c>
      <c r="W489" s="15">
        <v>74.137931034482762</v>
      </c>
    </row>
    <row r="490" spans="1:23" s="2" customFormat="1" ht="37.5" customHeight="1" x14ac:dyDescent="0.15">
      <c r="A490" s="93"/>
      <c r="B490" s="44" t="s">
        <v>340</v>
      </c>
      <c r="C490" s="88">
        <v>32.516493873704057</v>
      </c>
      <c r="D490" s="89">
        <v>25.426356589147286</v>
      </c>
      <c r="E490" s="26">
        <v>36.789297658862871</v>
      </c>
      <c r="F490" s="26">
        <v>62.637362637362635</v>
      </c>
      <c r="G490" s="27">
        <v>53.846153846153847</v>
      </c>
      <c r="H490" s="89">
        <v>0</v>
      </c>
      <c r="I490" s="26">
        <v>18.367346938775512</v>
      </c>
      <c r="J490" s="26">
        <v>22.400000000000002</v>
      </c>
      <c r="K490" s="26">
        <v>77.777777777777786</v>
      </c>
      <c r="L490" s="26">
        <v>25.373134328358208</v>
      </c>
      <c r="M490" s="26">
        <v>31.818181818181817</v>
      </c>
      <c r="N490" s="26">
        <v>30.487804878048781</v>
      </c>
      <c r="O490" s="26">
        <v>65.517241379310349</v>
      </c>
      <c r="P490" s="26">
        <v>12.5</v>
      </c>
      <c r="Q490" s="26">
        <v>20.967741935483872</v>
      </c>
      <c r="R490" s="26">
        <v>21.052631578947366</v>
      </c>
      <c r="S490" s="26">
        <v>18.181818181818183</v>
      </c>
      <c r="T490" s="91">
        <v>50</v>
      </c>
      <c r="U490" s="91">
        <v>37.333333333333336</v>
      </c>
      <c r="V490" s="91">
        <v>73.333333333333329</v>
      </c>
      <c r="W490" s="25">
        <v>37.068965517241381</v>
      </c>
    </row>
    <row r="491" spans="1:23" s="2" customFormat="1" ht="37.5" customHeight="1" x14ac:dyDescent="0.15">
      <c r="A491" s="93"/>
      <c r="B491" s="44" t="s">
        <v>341</v>
      </c>
      <c r="C491" s="88">
        <v>19.321394910461827</v>
      </c>
      <c r="D491" s="89">
        <v>14.728682170542637</v>
      </c>
      <c r="E491" s="26">
        <v>21.404682274247492</v>
      </c>
      <c r="F491" s="26">
        <v>36.263736263736263</v>
      </c>
      <c r="G491" s="27">
        <v>50</v>
      </c>
      <c r="H491" s="89">
        <v>0</v>
      </c>
      <c r="I491" s="26">
        <v>12.244897959183673</v>
      </c>
      <c r="J491" s="26">
        <v>16</v>
      </c>
      <c r="K491" s="26">
        <v>55.555555555555557</v>
      </c>
      <c r="L491" s="26">
        <v>19.402985074626866</v>
      </c>
      <c r="M491" s="26">
        <v>15.909090909090908</v>
      </c>
      <c r="N491" s="26">
        <v>21.951219512195124</v>
      </c>
      <c r="O491" s="26">
        <v>39.655172413793103</v>
      </c>
      <c r="P491" s="26">
        <v>8.3333333333333321</v>
      </c>
      <c r="Q491" s="26">
        <v>12.903225806451612</v>
      </c>
      <c r="R491" s="26">
        <v>17.543859649122805</v>
      </c>
      <c r="S491" s="26">
        <v>9.0909090909090917</v>
      </c>
      <c r="T491" s="91">
        <v>36.363636363636367</v>
      </c>
      <c r="U491" s="91">
        <v>17.333333333333336</v>
      </c>
      <c r="V491" s="91">
        <v>30</v>
      </c>
      <c r="W491" s="25">
        <v>18.103448275862068</v>
      </c>
    </row>
    <row r="492" spans="1:23" s="2" customFormat="1" ht="37.5" customHeight="1" x14ac:dyDescent="0.15">
      <c r="A492" s="93"/>
      <c r="B492" s="44" t="s">
        <v>342</v>
      </c>
      <c r="C492" s="88">
        <v>36.56927426955702</v>
      </c>
      <c r="D492" s="89">
        <v>28.372093023255811</v>
      </c>
      <c r="E492" s="26">
        <v>42.809364548494983</v>
      </c>
      <c r="F492" s="26">
        <v>64.835164835164832</v>
      </c>
      <c r="G492" s="27">
        <v>69.230769230769226</v>
      </c>
      <c r="H492" s="89">
        <v>11.111111111111111</v>
      </c>
      <c r="I492" s="26">
        <v>28.571428571428569</v>
      </c>
      <c r="J492" s="26">
        <v>30.4</v>
      </c>
      <c r="K492" s="26">
        <v>72.222222222222214</v>
      </c>
      <c r="L492" s="26">
        <v>32.835820895522389</v>
      </c>
      <c r="M492" s="26">
        <v>36.363636363636367</v>
      </c>
      <c r="N492" s="26">
        <v>46.341463414634148</v>
      </c>
      <c r="O492" s="26">
        <v>58.620689655172406</v>
      </c>
      <c r="P492" s="26">
        <v>16.666666666666664</v>
      </c>
      <c r="Q492" s="26">
        <v>24.193548387096776</v>
      </c>
      <c r="R492" s="26">
        <v>26.315789473684209</v>
      </c>
      <c r="S492" s="26">
        <v>30.303030303030305</v>
      </c>
      <c r="T492" s="91">
        <v>38.636363636363633</v>
      </c>
      <c r="U492" s="91">
        <v>41.333333333333336</v>
      </c>
      <c r="V492" s="91">
        <v>70</v>
      </c>
      <c r="W492" s="25">
        <v>32.758620689655174</v>
      </c>
    </row>
    <row r="493" spans="1:23" s="2" customFormat="1" ht="37.5" customHeight="1" x14ac:dyDescent="0.15">
      <c r="A493" s="93"/>
      <c r="B493" s="44" t="s">
        <v>343</v>
      </c>
      <c r="C493" s="88">
        <v>54.099905749293121</v>
      </c>
      <c r="D493" s="89">
        <v>41.395348837209298</v>
      </c>
      <c r="E493" s="26">
        <v>68.227424749163873</v>
      </c>
      <c r="F493" s="26">
        <v>87.912087912087912</v>
      </c>
      <c r="G493" s="27">
        <v>88.461538461538453</v>
      </c>
      <c r="H493" s="89">
        <v>33.333333333333329</v>
      </c>
      <c r="I493" s="26">
        <v>30.612244897959183</v>
      </c>
      <c r="J493" s="26">
        <v>44.800000000000004</v>
      </c>
      <c r="K493" s="26">
        <v>77.777777777777786</v>
      </c>
      <c r="L493" s="26">
        <v>58.208955223880601</v>
      </c>
      <c r="M493" s="26">
        <v>48.863636363636367</v>
      </c>
      <c r="N493" s="26">
        <v>58.536585365853654</v>
      </c>
      <c r="O493" s="26">
        <v>93.103448275862064</v>
      </c>
      <c r="P493" s="26">
        <v>20.833333333333336</v>
      </c>
      <c r="Q493" s="26">
        <v>38.70967741935484</v>
      </c>
      <c r="R493" s="26">
        <v>57.894736842105267</v>
      </c>
      <c r="S493" s="26">
        <v>42.424242424242422</v>
      </c>
      <c r="T493" s="91">
        <v>61.363636363636367</v>
      </c>
      <c r="U493" s="91">
        <v>61.333333333333329</v>
      </c>
      <c r="V493" s="91">
        <v>90</v>
      </c>
      <c r="W493" s="25">
        <v>56.034482758620683</v>
      </c>
    </row>
    <row r="494" spans="1:23" s="2" customFormat="1" ht="37.5" customHeight="1" x14ac:dyDescent="0.15">
      <c r="A494" s="93"/>
      <c r="B494" s="44" t="s">
        <v>344</v>
      </c>
      <c r="C494" s="71">
        <v>27.14420358152686</v>
      </c>
      <c r="D494" s="72">
        <v>21.550387596899228</v>
      </c>
      <c r="E494" s="18">
        <v>28.762541806020064</v>
      </c>
      <c r="F494" s="18">
        <v>52.747252747252752</v>
      </c>
      <c r="G494" s="25">
        <v>57.692307692307686</v>
      </c>
      <c r="H494" s="72">
        <v>0</v>
      </c>
      <c r="I494" s="18">
        <v>9.183673469387756</v>
      </c>
      <c r="J494" s="18">
        <v>18.399999999999999</v>
      </c>
      <c r="K494" s="18">
        <v>72.222222222222214</v>
      </c>
      <c r="L494" s="18">
        <v>26.865671641791046</v>
      </c>
      <c r="M494" s="18">
        <v>17.045454545454543</v>
      </c>
      <c r="N494" s="18">
        <v>31.707317073170731</v>
      </c>
      <c r="O494" s="18">
        <v>63.793103448275865</v>
      </c>
      <c r="P494" s="18">
        <v>12.5</v>
      </c>
      <c r="Q494" s="18">
        <v>12.903225806451612</v>
      </c>
      <c r="R494" s="18">
        <v>10.526315789473683</v>
      </c>
      <c r="S494" s="18">
        <v>27.27272727272727</v>
      </c>
      <c r="T494" s="73">
        <v>36.363636363636367</v>
      </c>
      <c r="U494" s="73">
        <v>38</v>
      </c>
      <c r="V494" s="73">
        <v>83.333333333333343</v>
      </c>
      <c r="W494" s="25">
        <v>19.827586206896552</v>
      </c>
    </row>
    <row r="495" spans="1:23" s="2" customFormat="1" ht="37.5" customHeight="1" x14ac:dyDescent="0.15">
      <c r="A495" s="93"/>
      <c r="B495" s="44" t="s">
        <v>345</v>
      </c>
      <c r="C495" s="88">
        <v>50.047125353440144</v>
      </c>
      <c r="D495" s="89">
        <v>41.240310077519382</v>
      </c>
      <c r="E495" s="26">
        <v>58.862876254180605</v>
      </c>
      <c r="F495" s="26">
        <v>74.72527472527473</v>
      </c>
      <c r="G495" s="27">
        <v>80.769230769230774</v>
      </c>
      <c r="H495" s="89">
        <v>11.111111111111111</v>
      </c>
      <c r="I495" s="26">
        <v>35.714285714285715</v>
      </c>
      <c r="J495" s="26">
        <v>40.799999999999997</v>
      </c>
      <c r="K495" s="26">
        <v>61.111111111111114</v>
      </c>
      <c r="L495" s="26">
        <v>56.71641791044776</v>
      </c>
      <c r="M495" s="26">
        <v>42.045454545454547</v>
      </c>
      <c r="N495" s="26">
        <v>59.756097560975604</v>
      </c>
      <c r="O495" s="26">
        <v>75.862068965517238</v>
      </c>
      <c r="P495" s="26">
        <v>20.833333333333336</v>
      </c>
      <c r="Q495" s="26">
        <v>43.548387096774192</v>
      </c>
      <c r="R495" s="26">
        <v>45.614035087719294</v>
      </c>
      <c r="S495" s="26">
        <v>27.27272727272727</v>
      </c>
      <c r="T495" s="91">
        <v>59.090909090909093</v>
      </c>
      <c r="U495" s="91">
        <v>64</v>
      </c>
      <c r="V495" s="91">
        <v>70</v>
      </c>
      <c r="W495" s="25">
        <v>47.413793103448278</v>
      </c>
    </row>
    <row r="496" spans="1:23" s="2" customFormat="1" ht="37.5" customHeight="1" x14ac:dyDescent="0.15">
      <c r="A496" s="93"/>
      <c r="B496" s="44" t="s">
        <v>346</v>
      </c>
      <c r="C496" s="88">
        <v>14.514608859566447</v>
      </c>
      <c r="D496" s="89">
        <v>13.333333333333334</v>
      </c>
      <c r="E496" s="26">
        <v>15.050167224080269</v>
      </c>
      <c r="F496" s="26">
        <v>20.87912087912088</v>
      </c>
      <c r="G496" s="27">
        <v>15.384615384615385</v>
      </c>
      <c r="H496" s="89">
        <v>0</v>
      </c>
      <c r="I496" s="26">
        <v>5.1020408163265305</v>
      </c>
      <c r="J496" s="26">
        <v>10.4</v>
      </c>
      <c r="K496" s="26">
        <v>22.222222222222221</v>
      </c>
      <c r="L496" s="26">
        <v>10.44776119402985</v>
      </c>
      <c r="M496" s="26">
        <v>15.909090909090908</v>
      </c>
      <c r="N496" s="26">
        <v>12.195121951219512</v>
      </c>
      <c r="O496" s="26">
        <v>51.724137931034484</v>
      </c>
      <c r="P496" s="26">
        <v>12.5</v>
      </c>
      <c r="Q496" s="26">
        <v>16.129032258064516</v>
      </c>
      <c r="R496" s="26">
        <v>12.280701754385964</v>
      </c>
      <c r="S496" s="26">
        <v>12.121212121212121</v>
      </c>
      <c r="T496" s="91">
        <v>25</v>
      </c>
      <c r="U496" s="91">
        <v>8</v>
      </c>
      <c r="V496" s="91">
        <v>33.333333333333329</v>
      </c>
      <c r="W496" s="25">
        <v>12.068965517241379</v>
      </c>
    </row>
    <row r="497" spans="1:23" s="2" customFormat="1" ht="37.5" customHeight="1" x14ac:dyDescent="0.15">
      <c r="A497" s="93"/>
      <c r="B497" s="44" t="s">
        <v>137</v>
      </c>
      <c r="C497" s="71">
        <v>1.5080113100848256</v>
      </c>
      <c r="D497" s="72">
        <v>1.5503875968992249</v>
      </c>
      <c r="E497" s="18">
        <v>1.0033444816053512</v>
      </c>
      <c r="F497" s="18">
        <v>2.197802197802198</v>
      </c>
      <c r="G497" s="25">
        <v>3.8461538461538463</v>
      </c>
      <c r="H497" s="72">
        <v>0</v>
      </c>
      <c r="I497" s="18">
        <v>0</v>
      </c>
      <c r="J497" s="18">
        <v>0</v>
      </c>
      <c r="K497" s="18">
        <v>0</v>
      </c>
      <c r="L497" s="18">
        <v>1.4925373134328357</v>
      </c>
      <c r="M497" s="18">
        <v>1.1363636363636365</v>
      </c>
      <c r="N497" s="18">
        <v>0</v>
      </c>
      <c r="O497" s="18">
        <v>0</v>
      </c>
      <c r="P497" s="18">
        <v>0</v>
      </c>
      <c r="Q497" s="18">
        <v>1.6129032258064515</v>
      </c>
      <c r="R497" s="18">
        <v>3.5087719298245612</v>
      </c>
      <c r="S497" s="18">
        <v>0</v>
      </c>
      <c r="T497" s="73">
        <v>4.5454545454545459</v>
      </c>
      <c r="U497" s="73">
        <v>3.3333333333333335</v>
      </c>
      <c r="V497" s="73">
        <v>0</v>
      </c>
      <c r="W497" s="25">
        <v>3.4482758620689653</v>
      </c>
    </row>
    <row r="498" spans="1:23" s="2" customFormat="1" ht="37.5" customHeight="1" thickBot="1" x14ac:dyDescent="0.2">
      <c r="A498" s="46" t="s">
        <v>138</v>
      </c>
      <c r="B498" s="47"/>
      <c r="C498" s="76">
        <v>27.049952874646561</v>
      </c>
      <c r="D498" s="77">
        <v>38.29457364341085</v>
      </c>
      <c r="E498" s="29">
        <v>12.374581939799331</v>
      </c>
      <c r="F498" s="29">
        <v>3.296703296703297</v>
      </c>
      <c r="G498" s="30">
        <v>0</v>
      </c>
      <c r="H498" s="77">
        <v>66.666666666666657</v>
      </c>
      <c r="I498" s="29">
        <v>46.938775510204081</v>
      </c>
      <c r="J498" s="29">
        <v>36</v>
      </c>
      <c r="K498" s="29">
        <v>11.111111111111111</v>
      </c>
      <c r="L498" s="29">
        <v>20.8955223880597</v>
      </c>
      <c r="M498" s="29">
        <v>28.40909090909091</v>
      </c>
      <c r="N498" s="29">
        <v>17.073170731707318</v>
      </c>
      <c r="O498" s="29">
        <v>1.7241379310344827</v>
      </c>
      <c r="P498" s="29">
        <v>58.333333333333336</v>
      </c>
      <c r="Q498" s="29">
        <v>35.483870967741936</v>
      </c>
      <c r="R498" s="29">
        <v>29.82456140350877</v>
      </c>
      <c r="S498" s="29">
        <v>39.393939393939391</v>
      </c>
      <c r="T498" s="65">
        <v>20.454545454545457</v>
      </c>
      <c r="U498" s="65">
        <v>18.666666666666668</v>
      </c>
      <c r="V498" s="65">
        <v>3.3333333333333335</v>
      </c>
      <c r="W498" s="30">
        <v>25.862068965517242</v>
      </c>
    </row>
    <row r="499" spans="1:23" x14ac:dyDescent="0.15">
      <c r="A499" s="2"/>
      <c r="B499" s="2"/>
      <c r="C499" s="2"/>
      <c r="D499" s="2"/>
      <c r="E499" s="2"/>
      <c r="F499" s="2"/>
      <c r="G499" s="2"/>
      <c r="H499" s="2"/>
      <c r="I499" s="2"/>
      <c r="J499" s="2"/>
      <c r="K499" s="2"/>
      <c r="L499" s="2"/>
      <c r="M499" s="2"/>
      <c r="N499" s="2"/>
      <c r="O499" s="2"/>
      <c r="P499" s="2"/>
      <c r="Q499" s="2"/>
      <c r="R499" s="2"/>
      <c r="S499" s="2"/>
      <c r="T499" s="2"/>
      <c r="U499" s="2"/>
      <c r="V499" s="2"/>
      <c r="W499" s="2"/>
    </row>
    <row r="500" spans="1:23" x14ac:dyDescent="0.15">
      <c r="A500" s="2"/>
      <c r="B500" s="2"/>
      <c r="C500" s="2"/>
      <c r="D500" s="2"/>
      <c r="E500" s="2"/>
      <c r="F500" s="2"/>
      <c r="G500" s="2"/>
      <c r="H500" s="2"/>
      <c r="I500" s="2"/>
      <c r="J500" s="2"/>
      <c r="K500" s="2"/>
      <c r="L500" s="2"/>
      <c r="M500" s="2"/>
      <c r="N500" s="2"/>
      <c r="O500" s="2"/>
      <c r="P500" s="2"/>
      <c r="Q500" s="2"/>
      <c r="R500" s="2"/>
      <c r="S500" s="2"/>
      <c r="T500" s="2"/>
      <c r="U500" s="2"/>
      <c r="V500" s="2"/>
      <c r="W500" s="2"/>
    </row>
    <row r="501" spans="1:23" s="2" customFormat="1" x14ac:dyDescent="0.15">
      <c r="A501" s="2" t="s">
        <v>348</v>
      </c>
      <c r="F501" s="2" t="s">
        <v>455</v>
      </c>
    </row>
    <row r="502" spans="1:23" s="2" customFormat="1" ht="14.25" thickBot="1" x14ac:dyDescent="0.2">
      <c r="V502" s="1"/>
      <c r="W502" s="1" t="s">
        <v>75</v>
      </c>
    </row>
    <row r="503" spans="1:23" s="2" customFormat="1" x14ac:dyDescent="0.15">
      <c r="A503" s="4"/>
      <c r="B503" s="5" t="s">
        <v>76</v>
      </c>
      <c r="C503" s="67"/>
      <c r="D503" s="37" t="s">
        <v>15</v>
      </c>
      <c r="E503" s="38"/>
      <c r="F503" s="38"/>
      <c r="G503" s="48"/>
      <c r="H503" s="37" t="s">
        <v>20</v>
      </c>
      <c r="I503" s="38"/>
      <c r="J503" s="38"/>
      <c r="K503" s="38"/>
      <c r="L503" s="38"/>
      <c r="M503" s="38"/>
      <c r="N503" s="38"/>
      <c r="O503" s="38"/>
      <c r="P503" s="38"/>
      <c r="Q503" s="38"/>
      <c r="R503" s="38"/>
      <c r="S503" s="38"/>
      <c r="T503" s="38"/>
      <c r="U503" s="38"/>
      <c r="V503" s="38"/>
      <c r="W503" s="48"/>
    </row>
    <row r="504" spans="1:23" s="2" customFormat="1" ht="54.75" thickBot="1" x14ac:dyDescent="0.2">
      <c r="A504" s="8" t="s">
        <v>87</v>
      </c>
      <c r="B504" s="9"/>
      <c r="C504" s="95" t="s">
        <v>19</v>
      </c>
      <c r="D504" s="10" t="s">
        <v>211</v>
      </c>
      <c r="E504" s="96" t="s">
        <v>141</v>
      </c>
      <c r="F504" s="96" t="s">
        <v>109</v>
      </c>
      <c r="G504" s="12" t="s">
        <v>1</v>
      </c>
      <c r="H504" s="53" t="s">
        <v>2</v>
      </c>
      <c r="I504" s="78" t="s">
        <v>182</v>
      </c>
      <c r="J504" s="78" t="s">
        <v>142</v>
      </c>
      <c r="K504" s="170" t="s">
        <v>349</v>
      </c>
      <c r="L504" s="171" t="s">
        <v>4</v>
      </c>
      <c r="M504" s="172" t="s">
        <v>5</v>
      </c>
      <c r="N504" s="171" t="s">
        <v>82</v>
      </c>
      <c r="O504" s="171" t="s">
        <v>6</v>
      </c>
      <c r="P504" s="172" t="s">
        <v>7</v>
      </c>
      <c r="Q504" s="173" t="s">
        <v>8</v>
      </c>
      <c r="R504" s="172" t="s">
        <v>9</v>
      </c>
      <c r="S504" s="171" t="s">
        <v>10</v>
      </c>
      <c r="T504" s="171" t="s">
        <v>11</v>
      </c>
      <c r="U504" s="171" t="s">
        <v>12</v>
      </c>
      <c r="V504" s="58" t="s">
        <v>83</v>
      </c>
      <c r="W504" s="174" t="s">
        <v>13</v>
      </c>
    </row>
    <row r="505" spans="1:23" s="2" customFormat="1" ht="37.5" customHeight="1" x14ac:dyDescent="0.15">
      <c r="A505" s="13" t="s">
        <v>130</v>
      </c>
      <c r="B505" s="19"/>
      <c r="C505" s="208">
        <v>68.75</v>
      </c>
      <c r="D505" s="209">
        <v>56.993006993006986</v>
      </c>
      <c r="E505" s="210">
        <v>83.665338645418331</v>
      </c>
      <c r="F505" s="210">
        <v>96.25</v>
      </c>
      <c r="G505" s="211">
        <v>100</v>
      </c>
      <c r="H505" s="99">
        <v>14.285714285714285</v>
      </c>
      <c r="I505" s="100">
        <v>48.888888888888886</v>
      </c>
      <c r="J505" s="100">
        <v>57.547169811320757</v>
      </c>
      <c r="K505" s="100">
        <v>88.235294117647058</v>
      </c>
      <c r="L505" s="100">
        <v>75</v>
      </c>
      <c r="M505" s="100">
        <v>66.666666666666657</v>
      </c>
      <c r="N505" s="100">
        <v>81.578947368421055</v>
      </c>
      <c r="O505" s="100">
        <v>97.872340425531917</v>
      </c>
      <c r="P505" s="100">
        <v>41.666666666666671</v>
      </c>
      <c r="Q505" s="100">
        <v>54.901960784313729</v>
      </c>
      <c r="R505" s="100">
        <v>61.702127659574465</v>
      </c>
      <c r="S505" s="100">
        <v>57.142857142857139</v>
      </c>
      <c r="T505" s="102">
        <v>76.923076923076934</v>
      </c>
      <c r="U505" s="102">
        <v>80.714285714285722</v>
      </c>
      <c r="V505" s="102">
        <v>95.652173913043484</v>
      </c>
      <c r="W505" s="15">
        <v>67.010309278350505</v>
      </c>
    </row>
    <row r="506" spans="1:23" s="2" customFormat="1" ht="37.5" customHeight="1" x14ac:dyDescent="0.15">
      <c r="A506" s="93"/>
      <c r="B506" s="44" t="s">
        <v>340</v>
      </c>
      <c r="C506" s="88">
        <v>26.40086206896552</v>
      </c>
      <c r="D506" s="89">
        <v>20.97902097902098</v>
      </c>
      <c r="E506" s="26">
        <v>31.075697211155379</v>
      </c>
      <c r="F506" s="26">
        <v>45</v>
      </c>
      <c r="G506" s="27">
        <v>44</v>
      </c>
      <c r="H506" s="89">
        <v>0</v>
      </c>
      <c r="I506" s="26">
        <v>14.444444444444443</v>
      </c>
      <c r="J506" s="26">
        <v>20.754716981132077</v>
      </c>
      <c r="K506" s="26">
        <v>70.588235294117652</v>
      </c>
      <c r="L506" s="26">
        <v>21.875</v>
      </c>
      <c r="M506" s="26">
        <v>22.222222222222221</v>
      </c>
      <c r="N506" s="26">
        <v>27.631578947368425</v>
      </c>
      <c r="O506" s="26">
        <v>65.957446808510639</v>
      </c>
      <c r="P506" s="26">
        <v>12.5</v>
      </c>
      <c r="Q506" s="26">
        <v>17.647058823529413</v>
      </c>
      <c r="R506" s="26">
        <v>12.76595744680851</v>
      </c>
      <c r="S506" s="26">
        <v>10.714285714285714</v>
      </c>
      <c r="T506" s="91">
        <v>28.205128205128204</v>
      </c>
      <c r="U506" s="91">
        <v>30.714285714285715</v>
      </c>
      <c r="V506" s="91">
        <v>69.565217391304344</v>
      </c>
      <c r="W506" s="25">
        <v>25.773195876288657</v>
      </c>
    </row>
    <row r="507" spans="1:23" s="2" customFormat="1" ht="37.5" customHeight="1" x14ac:dyDescent="0.15">
      <c r="A507" s="93"/>
      <c r="B507" s="44" t="s">
        <v>341</v>
      </c>
      <c r="C507" s="88">
        <v>18.53448275862069</v>
      </c>
      <c r="D507" s="89">
        <v>14.335664335664337</v>
      </c>
      <c r="E507" s="26">
        <v>21.513944223107568</v>
      </c>
      <c r="F507" s="26">
        <v>30</v>
      </c>
      <c r="G507" s="27">
        <v>48</v>
      </c>
      <c r="H507" s="89">
        <v>0</v>
      </c>
      <c r="I507" s="26">
        <v>13.333333333333334</v>
      </c>
      <c r="J507" s="26">
        <v>16.037735849056602</v>
      </c>
      <c r="K507" s="26">
        <v>58.82352941176471</v>
      </c>
      <c r="L507" s="26">
        <v>20.3125</v>
      </c>
      <c r="M507" s="26">
        <v>16.666666666666664</v>
      </c>
      <c r="N507" s="26">
        <v>21.052631578947366</v>
      </c>
      <c r="O507" s="26">
        <v>38.297872340425535</v>
      </c>
      <c r="P507" s="26">
        <v>8.3333333333333321</v>
      </c>
      <c r="Q507" s="26">
        <v>11.76470588235294</v>
      </c>
      <c r="R507" s="26">
        <v>12.76595744680851</v>
      </c>
      <c r="S507" s="26">
        <v>10.714285714285714</v>
      </c>
      <c r="T507" s="91">
        <v>15.384615384615385</v>
      </c>
      <c r="U507" s="91">
        <v>15.714285714285714</v>
      </c>
      <c r="V507" s="91">
        <v>39.130434782608695</v>
      </c>
      <c r="W507" s="25">
        <v>20.618556701030926</v>
      </c>
    </row>
    <row r="508" spans="1:23" s="2" customFormat="1" ht="37.5" customHeight="1" x14ac:dyDescent="0.15">
      <c r="A508" s="93"/>
      <c r="B508" s="44" t="s">
        <v>342</v>
      </c>
      <c r="C508" s="88">
        <v>32.974137931034484</v>
      </c>
      <c r="D508" s="89">
        <v>25</v>
      </c>
      <c r="E508" s="26">
        <v>39.442231075697208</v>
      </c>
      <c r="F508" s="26">
        <v>63.749999999999993</v>
      </c>
      <c r="G508" s="27">
        <v>52</v>
      </c>
      <c r="H508" s="89">
        <v>0</v>
      </c>
      <c r="I508" s="26">
        <v>28.888888888888886</v>
      </c>
      <c r="J508" s="26">
        <v>30.188679245283019</v>
      </c>
      <c r="K508" s="26">
        <v>70.588235294117652</v>
      </c>
      <c r="L508" s="26">
        <v>34.375</v>
      </c>
      <c r="M508" s="26">
        <v>31.944444444444443</v>
      </c>
      <c r="N508" s="26">
        <v>35.526315789473685</v>
      </c>
      <c r="O508" s="26">
        <v>74.468085106382972</v>
      </c>
      <c r="P508" s="26">
        <v>16.666666666666664</v>
      </c>
      <c r="Q508" s="26">
        <v>23.52941176470588</v>
      </c>
      <c r="R508" s="26">
        <v>10.638297872340425</v>
      </c>
      <c r="S508" s="26">
        <v>21.428571428571427</v>
      </c>
      <c r="T508" s="91">
        <v>41.025641025641022</v>
      </c>
      <c r="U508" s="91">
        <v>31.428571428571427</v>
      </c>
      <c r="V508" s="91">
        <v>69.565217391304344</v>
      </c>
      <c r="W508" s="25">
        <v>26.804123711340207</v>
      </c>
    </row>
    <row r="509" spans="1:23" s="2" customFormat="1" ht="37.5" customHeight="1" x14ac:dyDescent="0.15">
      <c r="A509" s="93"/>
      <c r="B509" s="44" t="s">
        <v>343</v>
      </c>
      <c r="C509" s="88">
        <v>49.892241379310342</v>
      </c>
      <c r="D509" s="89">
        <v>37.587412587412587</v>
      </c>
      <c r="E509" s="26">
        <v>62.948207171314742</v>
      </c>
      <c r="F509" s="26">
        <v>83.75</v>
      </c>
      <c r="G509" s="27">
        <v>92</v>
      </c>
      <c r="H509" s="89">
        <v>14.285714285714285</v>
      </c>
      <c r="I509" s="26">
        <v>33.333333333333329</v>
      </c>
      <c r="J509" s="26">
        <v>41.509433962264154</v>
      </c>
      <c r="K509" s="26">
        <v>82.35294117647058</v>
      </c>
      <c r="L509" s="26">
        <v>57.8125</v>
      </c>
      <c r="M509" s="26">
        <v>44.444444444444443</v>
      </c>
      <c r="N509" s="26">
        <v>57.894736842105267</v>
      </c>
      <c r="O509" s="26">
        <v>80.851063829787222</v>
      </c>
      <c r="P509" s="26">
        <v>20.833333333333336</v>
      </c>
      <c r="Q509" s="26">
        <v>35.294117647058826</v>
      </c>
      <c r="R509" s="26">
        <v>48.936170212765958</v>
      </c>
      <c r="S509" s="26">
        <v>39.285714285714285</v>
      </c>
      <c r="T509" s="91">
        <v>64.102564102564102</v>
      </c>
      <c r="U509" s="91">
        <v>58.571428571428577</v>
      </c>
      <c r="V509" s="91">
        <v>65.217391304347828</v>
      </c>
      <c r="W509" s="25">
        <v>45.360824742268044</v>
      </c>
    </row>
    <row r="510" spans="1:23" s="2" customFormat="1" ht="37.5" customHeight="1" x14ac:dyDescent="0.15">
      <c r="A510" s="93"/>
      <c r="B510" s="44" t="s">
        <v>344</v>
      </c>
      <c r="C510" s="71">
        <v>25.431034482758619</v>
      </c>
      <c r="D510" s="72">
        <v>20.104895104895103</v>
      </c>
      <c r="E510" s="18">
        <v>26.693227091633464</v>
      </c>
      <c r="F510" s="18">
        <v>50</v>
      </c>
      <c r="G510" s="25">
        <v>56.000000000000007</v>
      </c>
      <c r="H510" s="72">
        <v>0</v>
      </c>
      <c r="I510" s="18">
        <v>10</v>
      </c>
      <c r="J510" s="18">
        <v>16.037735849056602</v>
      </c>
      <c r="K510" s="18">
        <v>76.470588235294116</v>
      </c>
      <c r="L510" s="18">
        <v>26.5625</v>
      </c>
      <c r="M510" s="18">
        <v>15.277777777777779</v>
      </c>
      <c r="N510" s="18">
        <v>32.894736842105267</v>
      </c>
      <c r="O510" s="18">
        <v>61.702127659574465</v>
      </c>
      <c r="P510" s="18">
        <v>12.5</v>
      </c>
      <c r="Q510" s="18">
        <v>13.725490196078432</v>
      </c>
      <c r="R510" s="18">
        <v>4.2553191489361701</v>
      </c>
      <c r="S510" s="18">
        <v>25</v>
      </c>
      <c r="T510" s="73">
        <v>41.025641025641022</v>
      </c>
      <c r="U510" s="73">
        <v>33.571428571428569</v>
      </c>
      <c r="V510" s="73">
        <v>65.217391304347828</v>
      </c>
      <c r="W510" s="25">
        <v>18.556701030927837</v>
      </c>
    </row>
    <row r="511" spans="1:23" s="2" customFormat="1" ht="37.5" customHeight="1" x14ac:dyDescent="0.15">
      <c r="A511" s="93"/>
      <c r="B511" s="44" t="s">
        <v>345</v>
      </c>
      <c r="C511" s="88">
        <v>44.396551724137936</v>
      </c>
      <c r="D511" s="89">
        <v>36.188811188811187</v>
      </c>
      <c r="E511" s="26">
        <v>52.589641434262944</v>
      </c>
      <c r="F511" s="26">
        <v>70</v>
      </c>
      <c r="G511" s="27">
        <v>68</v>
      </c>
      <c r="H511" s="89">
        <v>14.285714285714285</v>
      </c>
      <c r="I511" s="26">
        <v>35.555555555555557</v>
      </c>
      <c r="J511" s="26">
        <v>31.132075471698112</v>
      </c>
      <c r="K511" s="26">
        <v>58.82352941176471</v>
      </c>
      <c r="L511" s="26">
        <v>50</v>
      </c>
      <c r="M511" s="26">
        <v>38.888888888888893</v>
      </c>
      <c r="N511" s="26">
        <v>55.26315789473685</v>
      </c>
      <c r="O511" s="26">
        <v>72.340425531914903</v>
      </c>
      <c r="P511" s="26">
        <v>16.666666666666664</v>
      </c>
      <c r="Q511" s="26">
        <v>33.333333333333329</v>
      </c>
      <c r="R511" s="26">
        <v>34.042553191489361</v>
      </c>
      <c r="S511" s="26">
        <v>25</v>
      </c>
      <c r="T511" s="91">
        <v>58.974358974358978</v>
      </c>
      <c r="U511" s="91">
        <v>57.142857142857139</v>
      </c>
      <c r="V511" s="91">
        <v>65.217391304347828</v>
      </c>
      <c r="W511" s="25">
        <v>39.175257731958766</v>
      </c>
    </row>
    <row r="512" spans="1:23" s="2" customFormat="1" ht="37.5" customHeight="1" x14ac:dyDescent="0.15">
      <c r="A512" s="93"/>
      <c r="B512" s="44" t="s">
        <v>346</v>
      </c>
      <c r="C512" s="88">
        <v>12.823275862068966</v>
      </c>
      <c r="D512" s="89">
        <v>11.713286713286713</v>
      </c>
      <c r="E512" s="26">
        <v>13.545816733067728</v>
      </c>
      <c r="F512" s="26">
        <v>20</v>
      </c>
      <c r="G512" s="27">
        <v>8</v>
      </c>
      <c r="H512" s="89">
        <v>0</v>
      </c>
      <c r="I512" s="26">
        <v>4.4444444444444446</v>
      </c>
      <c r="J512" s="26">
        <v>10.377358490566039</v>
      </c>
      <c r="K512" s="26">
        <v>17.647058823529413</v>
      </c>
      <c r="L512" s="26">
        <v>10.9375</v>
      </c>
      <c r="M512" s="26">
        <v>12.5</v>
      </c>
      <c r="N512" s="26">
        <v>9.2105263157894726</v>
      </c>
      <c r="O512" s="26">
        <v>51.063829787234042</v>
      </c>
      <c r="P512" s="26">
        <v>12.5</v>
      </c>
      <c r="Q512" s="26">
        <v>15.686274509803921</v>
      </c>
      <c r="R512" s="26">
        <v>8.5106382978723403</v>
      </c>
      <c r="S512" s="26">
        <v>14.285714285714285</v>
      </c>
      <c r="T512" s="91">
        <v>28.205128205128204</v>
      </c>
      <c r="U512" s="91">
        <v>5</v>
      </c>
      <c r="V512" s="91">
        <v>34.782608695652172</v>
      </c>
      <c r="W512" s="25">
        <v>9.2783505154639183</v>
      </c>
    </row>
    <row r="513" spans="1:23" s="2" customFormat="1" ht="37.5" customHeight="1" x14ac:dyDescent="0.15">
      <c r="A513" s="93"/>
      <c r="B513" s="44" t="s">
        <v>137</v>
      </c>
      <c r="C513" s="71">
        <v>1.1853448275862069</v>
      </c>
      <c r="D513" s="72">
        <v>1.3986013986013985</v>
      </c>
      <c r="E513" s="18">
        <v>0.39840637450199201</v>
      </c>
      <c r="F513" s="18">
        <v>1.25</v>
      </c>
      <c r="G513" s="25">
        <v>4</v>
      </c>
      <c r="H513" s="72">
        <v>0</v>
      </c>
      <c r="I513" s="18">
        <v>0</v>
      </c>
      <c r="J513" s="18">
        <v>0</v>
      </c>
      <c r="K513" s="18">
        <v>0</v>
      </c>
      <c r="L513" s="18">
        <v>1.5625</v>
      </c>
      <c r="M513" s="18">
        <v>1.3888888888888888</v>
      </c>
      <c r="N513" s="18">
        <v>0</v>
      </c>
      <c r="O513" s="18">
        <v>0</v>
      </c>
      <c r="P513" s="18">
        <v>0</v>
      </c>
      <c r="Q513" s="18">
        <v>0</v>
      </c>
      <c r="R513" s="18">
        <v>4.2553191489361701</v>
      </c>
      <c r="S513" s="18">
        <v>0</v>
      </c>
      <c r="T513" s="73">
        <v>0</v>
      </c>
      <c r="U513" s="73">
        <v>2.8571428571428572</v>
      </c>
      <c r="V513" s="73">
        <v>0</v>
      </c>
      <c r="W513" s="25">
        <v>3.0927835051546393</v>
      </c>
    </row>
    <row r="514" spans="1:23" s="2" customFormat="1" ht="37.5" customHeight="1" thickBot="1" x14ac:dyDescent="0.2">
      <c r="A514" s="46" t="s">
        <v>138</v>
      </c>
      <c r="B514" s="47"/>
      <c r="C514" s="76">
        <v>31.25</v>
      </c>
      <c r="D514" s="77">
        <v>43.006993006993007</v>
      </c>
      <c r="E514" s="29">
        <v>16.334661354581673</v>
      </c>
      <c r="F514" s="29">
        <v>3.75</v>
      </c>
      <c r="G514" s="30">
        <v>0</v>
      </c>
      <c r="H514" s="77">
        <v>85.714285714285708</v>
      </c>
      <c r="I514" s="29">
        <v>51.111111111111107</v>
      </c>
      <c r="J514" s="29">
        <v>42.452830188679243</v>
      </c>
      <c r="K514" s="29">
        <v>11.76470588235294</v>
      </c>
      <c r="L514" s="29">
        <v>25</v>
      </c>
      <c r="M514" s="29">
        <v>33.333333333333329</v>
      </c>
      <c r="N514" s="29">
        <v>18.421052631578945</v>
      </c>
      <c r="O514" s="29">
        <v>2.1276595744680851</v>
      </c>
      <c r="P514" s="29">
        <v>58.333333333333336</v>
      </c>
      <c r="Q514" s="29">
        <v>45.098039215686278</v>
      </c>
      <c r="R514" s="29">
        <v>38.297872340425535</v>
      </c>
      <c r="S514" s="29">
        <v>42.857142857142854</v>
      </c>
      <c r="T514" s="65">
        <v>23.076923076923077</v>
      </c>
      <c r="U514" s="65">
        <v>19.285714285714288</v>
      </c>
      <c r="V514" s="65">
        <v>4.3478260869565215</v>
      </c>
      <c r="W514" s="30">
        <v>32.989690721649481</v>
      </c>
    </row>
    <row r="515" spans="1:23" x14ac:dyDescent="0.15">
      <c r="A515" s="2"/>
      <c r="B515" s="2"/>
      <c r="C515" s="2"/>
      <c r="D515" s="2"/>
      <c r="E515" s="2"/>
      <c r="F515" s="2"/>
      <c r="G515" s="2"/>
      <c r="H515" s="2"/>
      <c r="I515" s="2"/>
      <c r="J515" s="2"/>
      <c r="K515" s="2"/>
      <c r="L515" s="2"/>
      <c r="M515" s="2"/>
      <c r="N515" s="2"/>
      <c r="O515" s="2"/>
      <c r="P515" s="2"/>
      <c r="Q515" s="2"/>
      <c r="R515" s="2"/>
      <c r="S515" s="2"/>
      <c r="T515" s="2"/>
      <c r="U515" s="2"/>
      <c r="V515" s="2"/>
      <c r="W515" s="2"/>
    </row>
    <row r="516" spans="1:23" x14ac:dyDescent="0.15">
      <c r="A516" s="2"/>
      <c r="B516" s="2"/>
      <c r="C516" s="2"/>
      <c r="D516" s="2"/>
      <c r="E516" s="2"/>
      <c r="F516" s="2"/>
      <c r="G516" s="2"/>
      <c r="H516" s="2"/>
      <c r="I516" s="2"/>
      <c r="J516" s="2"/>
      <c r="K516" s="2"/>
      <c r="L516" s="2"/>
      <c r="M516" s="2"/>
      <c r="N516" s="2"/>
      <c r="O516" s="2"/>
      <c r="P516" s="2"/>
      <c r="Q516" s="2"/>
      <c r="R516" s="2"/>
      <c r="S516" s="2"/>
      <c r="T516" s="2"/>
      <c r="U516" s="2"/>
      <c r="V516" s="2"/>
      <c r="W516" s="2"/>
    </row>
    <row r="517" spans="1:23" s="2" customFormat="1" x14ac:dyDescent="0.15">
      <c r="A517" s="2" t="s">
        <v>350</v>
      </c>
      <c r="F517" s="2" t="s">
        <v>455</v>
      </c>
    </row>
    <row r="518" spans="1:23" s="2" customFormat="1" ht="14.25" thickBot="1" x14ac:dyDescent="0.2">
      <c r="V518" s="1"/>
      <c r="W518" s="1" t="s">
        <v>75</v>
      </c>
    </row>
    <row r="519" spans="1:23" s="2" customFormat="1" x14ac:dyDescent="0.15">
      <c r="A519" s="4"/>
      <c r="B519" s="5" t="s">
        <v>76</v>
      </c>
      <c r="C519" s="67"/>
      <c r="D519" s="37" t="s">
        <v>15</v>
      </c>
      <c r="E519" s="38"/>
      <c r="F519" s="38"/>
      <c r="G519" s="48"/>
      <c r="H519" s="37" t="s">
        <v>20</v>
      </c>
      <c r="I519" s="38"/>
      <c r="J519" s="38"/>
      <c r="K519" s="38"/>
      <c r="L519" s="38"/>
      <c r="M519" s="38"/>
      <c r="N519" s="38"/>
      <c r="O519" s="38"/>
      <c r="P519" s="38"/>
      <c r="Q519" s="38"/>
      <c r="R519" s="38"/>
      <c r="S519" s="38"/>
      <c r="T519" s="38"/>
      <c r="U519" s="38"/>
      <c r="V519" s="38"/>
      <c r="W519" s="48"/>
    </row>
    <row r="520" spans="1:23" s="2" customFormat="1" ht="54.75" thickBot="1" x14ac:dyDescent="0.2">
      <c r="A520" s="8" t="s">
        <v>87</v>
      </c>
      <c r="B520" s="9"/>
      <c r="C520" s="95" t="s">
        <v>19</v>
      </c>
      <c r="D520" s="10" t="s">
        <v>211</v>
      </c>
      <c r="E520" s="96" t="s">
        <v>141</v>
      </c>
      <c r="F520" s="96" t="s">
        <v>128</v>
      </c>
      <c r="G520" s="12" t="s">
        <v>1</v>
      </c>
      <c r="H520" s="53" t="s">
        <v>2</v>
      </c>
      <c r="I520" s="78" t="s">
        <v>105</v>
      </c>
      <c r="J520" s="78" t="s">
        <v>152</v>
      </c>
      <c r="K520" s="170" t="s">
        <v>183</v>
      </c>
      <c r="L520" s="171" t="s">
        <v>4</v>
      </c>
      <c r="M520" s="172" t="s">
        <v>5</v>
      </c>
      <c r="N520" s="171" t="s">
        <v>82</v>
      </c>
      <c r="O520" s="171" t="s">
        <v>6</v>
      </c>
      <c r="P520" s="172" t="s">
        <v>7</v>
      </c>
      <c r="Q520" s="173" t="s">
        <v>8</v>
      </c>
      <c r="R520" s="172" t="s">
        <v>9</v>
      </c>
      <c r="S520" s="171" t="s">
        <v>10</v>
      </c>
      <c r="T520" s="171" t="s">
        <v>11</v>
      </c>
      <c r="U520" s="171" t="s">
        <v>12</v>
      </c>
      <c r="V520" s="58" t="s">
        <v>83</v>
      </c>
      <c r="W520" s="174" t="s">
        <v>13</v>
      </c>
    </row>
    <row r="521" spans="1:23" s="2" customFormat="1" ht="37.5" customHeight="1" x14ac:dyDescent="0.15">
      <c r="A521" s="13" t="s">
        <v>130</v>
      </c>
      <c r="B521" s="19"/>
      <c r="C521" s="208">
        <v>63.842482100238662</v>
      </c>
      <c r="D521" s="209">
        <v>51.816443594646266</v>
      </c>
      <c r="E521" s="210">
        <v>79.638009049773757</v>
      </c>
      <c r="F521" s="210">
        <v>91.304347826086953</v>
      </c>
      <c r="G521" s="211">
        <v>100</v>
      </c>
      <c r="H521" s="99">
        <v>14.285714285714285</v>
      </c>
      <c r="I521" s="100">
        <v>45.783132530120483</v>
      </c>
      <c r="J521" s="100">
        <v>52.525252525252533</v>
      </c>
      <c r="K521" s="100">
        <v>88.235294117647058</v>
      </c>
      <c r="L521" s="100">
        <v>69.642857142857139</v>
      </c>
      <c r="M521" s="100">
        <v>62.857142857142854</v>
      </c>
      <c r="N521" s="100">
        <v>70.833333333333343</v>
      </c>
      <c r="O521" s="100">
        <v>97.368421052631575</v>
      </c>
      <c r="P521" s="100">
        <v>39.130434782608695</v>
      </c>
      <c r="Q521" s="100">
        <v>53.061224489795919</v>
      </c>
      <c r="R521" s="100">
        <v>57.142857142857139</v>
      </c>
      <c r="S521" s="100">
        <v>48</v>
      </c>
      <c r="T521" s="102">
        <v>72.222222222222214</v>
      </c>
      <c r="U521" s="102">
        <v>76.470588235294116</v>
      </c>
      <c r="V521" s="102">
        <v>93.75</v>
      </c>
      <c r="W521" s="15">
        <v>63.953488372093027</v>
      </c>
    </row>
    <row r="522" spans="1:23" s="2" customFormat="1" ht="37.5" customHeight="1" x14ac:dyDescent="0.15">
      <c r="A522" s="93"/>
      <c r="B522" s="44" t="s">
        <v>340</v>
      </c>
      <c r="C522" s="88">
        <v>21.957040572792362</v>
      </c>
      <c r="D522" s="89">
        <v>16.061185468451242</v>
      </c>
      <c r="E522" s="26">
        <v>27.601809954751133</v>
      </c>
      <c r="F522" s="26">
        <v>44.927536231884055</v>
      </c>
      <c r="G522" s="27">
        <v>32</v>
      </c>
      <c r="H522" s="89">
        <v>0</v>
      </c>
      <c r="I522" s="26">
        <v>13.253012048192772</v>
      </c>
      <c r="J522" s="26">
        <v>16.161616161616163</v>
      </c>
      <c r="K522" s="26">
        <v>70.588235294117652</v>
      </c>
      <c r="L522" s="26">
        <v>17.857142857142858</v>
      </c>
      <c r="M522" s="26">
        <v>15.714285714285714</v>
      </c>
      <c r="N522" s="26">
        <v>22.222222222222221</v>
      </c>
      <c r="O522" s="26">
        <v>47.368421052631575</v>
      </c>
      <c r="P522" s="26">
        <v>13.043478260869565</v>
      </c>
      <c r="Q522" s="26">
        <v>14.285714285714285</v>
      </c>
      <c r="R522" s="26">
        <v>14.285714285714285</v>
      </c>
      <c r="S522" s="26">
        <v>4</v>
      </c>
      <c r="T522" s="91">
        <v>22.222222222222221</v>
      </c>
      <c r="U522" s="91">
        <v>27.731092436974791</v>
      </c>
      <c r="V522" s="91">
        <v>68.75</v>
      </c>
      <c r="W522" s="25">
        <v>24.418604651162788</v>
      </c>
    </row>
    <row r="523" spans="1:23" s="2" customFormat="1" ht="37.5" customHeight="1" x14ac:dyDescent="0.15">
      <c r="A523" s="93"/>
      <c r="B523" s="44" t="s">
        <v>341</v>
      </c>
      <c r="C523" s="88">
        <v>16.58711217183771</v>
      </c>
      <c r="D523" s="89">
        <v>12.619502868068832</v>
      </c>
      <c r="E523" s="26">
        <v>19.909502262443439</v>
      </c>
      <c r="F523" s="26">
        <v>28.985507246376812</v>
      </c>
      <c r="G523" s="27">
        <v>36</v>
      </c>
      <c r="H523" s="89">
        <v>0</v>
      </c>
      <c r="I523" s="26">
        <v>9.6385542168674707</v>
      </c>
      <c r="J523" s="26">
        <v>14.14141414141414</v>
      </c>
      <c r="K523" s="26">
        <v>58.82352941176471</v>
      </c>
      <c r="L523" s="26">
        <v>19.642857142857142</v>
      </c>
      <c r="M523" s="26">
        <v>15.714285714285714</v>
      </c>
      <c r="N523" s="26">
        <v>16.666666666666664</v>
      </c>
      <c r="O523" s="26">
        <v>36.84210526315789</v>
      </c>
      <c r="P523" s="26">
        <v>8.695652173913043</v>
      </c>
      <c r="Q523" s="26">
        <v>10.204081632653061</v>
      </c>
      <c r="R523" s="26">
        <v>14.285714285714285</v>
      </c>
      <c r="S523" s="26">
        <v>12</v>
      </c>
      <c r="T523" s="91">
        <v>13.888888888888889</v>
      </c>
      <c r="U523" s="91">
        <v>14.285714285714285</v>
      </c>
      <c r="V523" s="91">
        <v>37.5</v>
      </c>
      <c r="W523" s="25">
        <v>17.441860465116278</v>
      </c>
    </row>
    <row r="524" spans="1:23" s="2" customFormat="1" ht="37.5" customHeight="1" x14ac:dyDescent="0.15">
      <c r="A524" s="93"/>
      <c r="B524" s="44" t="s">
        <v>342</v>
      </c>
      <c r="C524" s="88">
        <v>28.520286396181383</v>
      </c>
      <c r="D524" s="89">
        <v>20.841300191204589</v>
      </c>
      <c r="E524" s="26">
        <v>35.294117647058826</v>
      </c>
      <c r="F524" s="26">
        <v>60.869565217391312</v>
      </c>
      <c r="G524" s="27">
        <v>40</v>
      </c>
      <c r="H524" s="89">
        <v>0</v>
      </c>
      <c r="I524" s="26">
        <v>24.096385542168676</v>
      </c>
      <c r="J524" s="26">
        <v>26.262626262626267</v>
      </c>
      <c r="K524" s="26">
        <v>70.588235294117652</v>
      </c>
      <c r="L524" s="26">
        <v>33.928571428571431</v>
      </c>
      <c r="M524" s="26">
        <v>25.714285714285712</v>
      </c>
      <c r="N524" s="26">
        <v>30.555555555555557</v>
      </c>
      <c r="O524" s="26">
        <v>68.421052631578945</v>
      </c>
      <c r="P524" s="26">
        <v>13.043478260869565</v>
      </c>
      <c r="Q524" s="26">
        <v>24.489795918367346</v>
      </c>
      <c r="R524" s="26">
        <v>9.5238095238095237</v>
      </c>
      <c r="S524" s="26">
        <v>24</v>
      </c>
      <c r="T524" s="91">
        <v>38.888888888888893</v>
      </c>
      <c r="U524" s="91">
        <v>30.252100840336134</v>
      </c>
      <c r="V524" s="91">
        <v>43.75</v>
      </c>
      <c r="W524" s="25">
        <v>16.279069767441861</v>
      </c>
    </row>
    <row r="525" spans="1:23" s="2" customFormat="1" ht="37.5" customHeight="1" x14ac:dyDescent="0.15">
      <c r="A525" s="93"/>
      <c r="B525" s="44" t="s">
        <v>343</v>
      </c>
      <c r="C525" s="88">
        <v>47.732696897374701</v>
      </c>
      <c r="D525" s="89">
        <v>34.416826003824092</v>
      </c>
      <c r="E525" s="26">
        <v>63.348416289592755</v>
      </c>
      <c r="F525" s="26">
        <v>84.05797101449275</v>
      </c>
      <c r="G525" s="27">
        <v>88</v>
      </c>
      <c r="H525" s="89">
        <v>14.285714285714285</v>
      </c>
      <c r="I525" s="26">
        <v>30.120481927710845</v>
      </c>
      <c r="J525" s="26">
        <v>39.393939393939391</v>
      </c>
      <c r="K525" s="26">
        <v>82.35294117647058</v>
      </c>
      <c r="L525" s="26">
        <v>53.571428571428569</v>
      </c>
      <c r="M525" s="26">
        <v>42.857142857142854</v>
      </c>
      <c r="N525" s="26">
        <v>48.611111111111107</v>
      </c>
      <c r="O525" s="26">
        <v>81.578947368421055</v>
      </c>
      <c r="P525" s="26">
        <v>21.739130434782609</v>
      </c>
      <c r="Q525" s="26">
        <v>34.693877551020407</v>
      </c>
      <c r="R525" s="26">
        <v>47.619047619047613</v>
      </c>
      <c r="S525" s="26">
        <v>36</v>
      </c>
      <c r="T525" s="91">
        <v>63.888888888888886</v>
      </c>
      <c r="U525" s="91">
        <v>58.82352941176471</v>
      </c>
      <c r="V525" s="91">
        <v>68.75</v>
      </c>
      <c r="W525" s="25">
        <v>46.511627906976742</v>
      </c>
    </row>
    <row r="526" spans="1:23" s="2" customFormat="1" ht="37.5" customHeight="1" x14ac:dyDescent="0.15">
      <c r="A526" s="93"/>
      <c r="B526" s="44" t="s">
        <v>344</v>
      </c>
      <c r="C526" s="71">
        <v>23.031026252983295</v>
      </c>
      <c r="D526" s="72">
        <v>16.44359464627151</v>
      </c>
      <c r="E526" s="18">
        <v>26.244343891402718</v>
      </c>
      <c r="F526" s="18">
        <v>50.724637681159422</v>
      </c>
      <c r="G526" s="25">
        <v>56.000000000000007</v>
      </c>
      <c r="H526" s="72">
        <v>0</v>
      </c>
      <c r="I526" s="18">
        <v>7.2289156626506017</v>
      </c>
      <c r="J526" s="18">
        <v>17.171717171717169</v>
      </c>
      <c r="K526" s="18">
        <v>76.470588235294116</v>
      </c>
      <c r="L526" s="18">
        <v>23.214285714285715</v>
      </c>
      <c r="M526" s="18">
        <v>15.714285714285714</v>
      </c>
      <c r="N526" s="18">
        <v>27.777777777777779</v>
      </c>
      <c r="O526" s="18">
        <v>57.894736842105267</v>
      </c>
      <c r="P526" s="18">
        <v>13.043478260869565</v>
      </c>
      <c r="Q526" s="18">
        <v>10.204081632653061</v>
      </c>
      <c r="R526" s="18">
        <v>4.7619047619047619</v>
      </c>
      <c r="S526" s="18">
        <v>24</v>
      </c>
      <c r="T526" s="73">
        <v>44.444444444444443</v>
      </c>
      <c r="U526" s="73">
        <v>30.252100840336134</v>
      </c>
      <c r="V526" s="73">
        <v>68.75</v>
      </c>
      <c r="W526" s="25">
        <v>13.953488372093023</v>
      </c>
    </row>
    <row r="527" spans="1:23" s="2" customFormat="1" ht="37.5" customHeight="1" x14ac:dyDescent="0.15">
      <c r="A527" s="93"/>
      <c r="B527" s="44" t="s">
        <v>345</v>
      </c>
      <c r="C527" s="88">
        <v>40.095465393794747</v>
      </c>
      <c r="D527" s="89">
        <v>31.357552581261949</v>
      </c>
      <c r="E527" s="26">
        <v>49.321266968325794</v>
      </c>
      <c r="F527" s="26">
        <v>66.666666666666657</v>
      </c>
      <c r="G527" s="27">
        <v>68</v>
      </c>
      <c r="H527" s="89">
        <v>14.285714285714285</v>
      </c>
      <c r="I527" s="26">
        <v>36.144578313253014</v>
      </c>
      <c r="J527" s="26">
        <v>30.303030303030305</v>
      </c>
      <c r="K527" s="26">
        <v>58.82352941176471</v>
      </c>
      <c r="L527" s="26">
        <v>50</v>
      </c>
      <c r="M527" s="26">
        <v>34.285714285714285</v>
      </c>
      <c r="N527" s="26">
        <v>47.222222222222221</v>
      </c>
      <c r="O527" s="26">
        <v>68.421052631578945</v>
      </c>
      <c r="P527" s="26">
        <v>17.391304347826086</v>
      </c>
      <c r="Q527" s="26">
        <v>30.612244897959183</v>
      </c>
      <c r="R527" s="26">
        <v>21.428571428571427</v>
      </c>
      <c r="S527" s="26">
        <v>20</v>
      </c>
      <c r="T527" s="91">
        <v>58.333333333333336</v>
      </c>
      <c r="U527" s="91">
        <v>51.260504201680668</v>
      </c>
      <c r="V527" s="91">
        <v>56.25</v>
      </c>
      <c r="W527" s="25">
        <v>33.720930232558139</v>
      </c>
    </row>
    <row r="528" spans="1:23" s="2" customFormat="1" ht="37.5" customHeight="1" x14ac:dyDescent="0.15">
      <c r="A528" s="93"/>
      <c r="B528" s="44" t="s">
        <v>346</v>
      </c>
      <c r="C528" s="88">
        <v>11.933174224343675</v>
      </c>
      <c r="D528" s="89">
        <v>9.9426386233269604</v>
      </c>
      <c r="E528" s="26">
        <v>14.027149321266968</v>
      </c>
      <c r="F528" s="26">
        <v>21.739130434782609</v>
      </c>
      <c r="G528" s="27">
        <v>8</v>
      </c>
      <c r="H528" s="89">
        <v>0</v>
      </c>
      <c r="I528" s="26">
        <v>3.6144578313253009</v>
      </c>
      <c r="J528" s="26">
        <v>9.0909090909090917</v>
      </c>
      <c r="K528" s="26">
        <v>17.647058823529413</v>
      </c>
      <c r="L528" s="26">
        <v>10.714285714285714</v>
      </c>
      <c r="M528" s="26">
        <v>11.428571428571429</v>
      </c>
      <c r="N528" s="26">
        <v>5.5555555555555554</v>
      </c>
      <c r="O528" s="26">
        <v>50</v>
      </c>
      <c r="P528" s="26">
        <v>13.043478260869565</v>
      </c>
      <c r="Q528" s="26">
        <v>16.326530612244898</v>
      </c>
      <c r="R528" s="26">
        <v>4.7619047619047619</v>
      </c>
      <c r="S528" s="26">
        <v>12</v>
      </c>
      <c r="T528" s="91">
        <v>30.555555555555557</v>
      </c>
      <c r="U528" s="91">
        <v>5.8823529411764701</v>
      </c>
      <c r="V528" s="91">
        <v>31.25</v>
      </c>
      <c r="W528" s="25">
        <v>10.465116279069768</v>
      </c>
    </row>
    <row r="529" spans="1:23" s="2" customFormat="1" ht="37.5" customHeight="1" x14ac:dyDescent="0.15">
      <c r="A529" s="93"/>
      <c r="B529" s="44" t="s">
        <v>137</v>
      </c>
      <c r="C529" s="71">
        <v>1.3126491646778042</v>
      </c>
      <c r="D529" s="72">
        <v>1.5296367112810707</v>
      </c>
      <c r="E529" s="18">
        <v>0.45248868778280549</v>
      </c>
      <c r="F529" s="18">
        <v>1.4492753623188406</v>
      </c>
      <c r="G529" s="25">
        <v>4</v>
      </c>
      <c r="H529" s="72">
        <v>0</v>
      </c>
      <c r="I529" s="18">
        <v>0</v>
      </c>
      <c r="J529" s="18">
        <v>0</v>
      </c>
      <c r="K529" s="18">
        <v>0</v>
      </c>
      <c r="L529" s="18">
        <v>1.7857142857142856</v>
      </c>
      <c r="M529" s="18">
        <v>1.4285714285714286</v>
      </c>
      <c r="N529" s="18">
        <v>0</v>
      </c>
      <c r="O529" s="18">
        <v>0</v>
      </c>
      <c r="P529" s="18">
        <v>0</v>
      </c>
      <c r="Q529" s="18">
        <v>0</v>
      </c>
      <c r="R529" s="18">
        <v>4.7619047619047619</v>
      </c>
      <c r="S529" s="18">
        <v>0</v>
      </c>
      <c r="T529" s="73">
        <v>0</v>
      </c>
      <c r="U529" s="73">
        <v>3.3613445378151261</v>
      </c>
      <c r="V529" s="73">
        <v>0</v>
      </c>
      <c r="W529" s="25">
        <v>3.4883720930232558</v>
      </c>
    </row>
    <row r="530" spans="1:23" s="2" customFormat="1" ht="37.5" customHeight="1" thickBot="1" x14ac:dyDescent="0.2">
      <c r="A530" s="46" t="s">
        <v>138</v>
      </c>
      <c r="B530" s="47"/>
      <c r="C530" s="76">
        <v>36.157517899761338</v>
      </c>
      <c r="D530" s="77">
        <v>48.183556405353727</v>
      </c>
      <c r="E530" s="29">
        <v>20.361990950226243</v>
      </c>
      <c r="F530" s="29">
        <v>8.695652173913043</v>
      </c>
      <c r="G530" s="30">
        <v>0</v>
      </c>
      <c r="H530" s="77">
        <v>85.714285714285708</v>
      </c>
      <c r="I530" s="29">
        <v>54.216867469879517</v>
      </c>
      <c r="J530" s="29">
        <v>47.474747474747474</v>
      </c>
      <c r="K530" s="29">
        <v>11.76470588235294</v>
      </c>
      <c r="L530" s="29">
        <v>30.357142857142854</v>
      </c>
      <c r="M530" s="29">
        <v>37.142857142857146</v>
      </c>
      <c r="N530" s="29">
        <v>29.166666666666668</v>
      </c>
      <c r="O530" s="29">
        <v>2.6315789473684208</v>
      </c>
      <c r="P530" s="29">
        <v>60.869565217391312</v>
      </c>
      <c r="Q530" s="29">
        <v>46.938775510204081</v>
      </c>
      <c r="R530" s="29">
        <v>42.857142857142854</v>
      </c>
      <c r="S530" s="29">
        <v>52</v>
      </c>
      <c r="T530" s="65">
        <v>27.777777777777779</v>
      </c>
      <c r="U530" s="65">
        <v>23.52941176470588</v>
      </c>
      <c r="V530" s="65">
        <v>6.25</v>
      </c>
      <c r="W530" s="30">
        <v>36.046511627906973</v>
      </c>
    </row>
    <row r="531" spans="1:23" x14ac:dyDescent="0.15">
      <c r="A531" s="2"/>
      <c r="B531" s="2"/>
      <c r="C531" s="2"/>
      <c r="D531" s="2"/>
      <c r="E531" s="2"/>
      <c r="F531" s="2"/>
      <c r="G531" s="2"/>
      <c r="H531" s="2"/>
      <c r="I531" s="2"/>
      <c r="J531" s="2"/>
      <c r="K531" s="2"/>
      <c r="L531" s="2"/>
      <c r="M531" s="2"/>
      <c r="N531" s="2"/>
      <c r="O531" s="2"/>
      <c r="P531" s="2"/>
      <c r="Q531" s="2"/>
      <c r="R531" s="2"/>
      <c r="S531" s="2"/>
      <c r="T531" s="2"/>
      <c r="U531" s="2"/>
      <c r="V531" s="2"/>
      <c r="W531" s="2"/>
    </row>
    <row r="532" spans="1:23" s="2" customFormat="1" x14ac:dyDescent="0.15">
      <c r="A532" s="2" t="s">
        <v>351</v>
      </c>
      <c r="F532" s="2" t="s">
        <v>428</v>
      </c>
    </row>
    <row r="533" spans="1:23" s="2" customFormat="1" ht="14.25" thickBot="1" x14ac:dyDescent="0.2">
      <c r="V533" s="1"/>
      <c r="W533" s="1" t="s">
        <v>75</v>
      </c>
    </row>
    <row r="534" spans="1:23" s="2" customFormat="1" x14ac:dyDescent="0.15">
      <c r="A534" s="4"/>
      <c r="B534" s="5" t="s">
        <v>76</v>
      </c>
      <c r="C534" s="67"/>
      <c r="D534" s="37" t="s">
        <v>15</v>
      </c>
      <c r="E534" s="38"/>
      <c r="F534" s="38"/>
      <c r="G534" s="48"/>
      <c r="H534" s="37" t="s">
        <v>20</v>
      </c>
      <c r="I534" s="38"/>
      <c r="J534" s="38"/>
      <c r="K534" s="38"/>
      <c r="L534" s="38"/>
      <c r="M534" s="38"/>
      <c r="N534" s="38"/>
      <c r="O534" s="38"/>
      <c r="P534" s="38"/>
      <c r="Q534" s="38"/>
      <c r="R534" s="38"/>
      <c r="S534" s="38"/>
      <c r="T534" s="38"/>
      <c r="U534" s="38"/>
      <c r="V534" s="38"/>
      <c r="W534" s="48"/>
    </row>
    <row r="535" spans="1:23" s="2" customFormat="1" ht="54.75" thickBot="1" x14ac:dyDescent="0.2">
      <c r="A535" s="13" t="s">
        <v>87</v>
      </c>
      <c r="C535" s="68" t="s">
        <v>19</v>
      </c>
      <c r="D535" s="50" t="s">
        <v>61</v>
      </c>
      <c r="E535" s="51" t="s">
        <v>181</v>
      </c>
      <c r="F535" s="51" t="s">
        <v>193</v>
      </c>
      <c r="G535" s="52" t="s">
        <v>1</v>
      </c>
      <c r="H535" s="53" t="s">
        <v>2</v>
      </c>
      <c r="I535" s="11" t="s">
        <v>182</v>
      </c>
      <c r="J535" s="11" t="s">
        <v>152</v>
      </c>
      <c r="K535" s="54" t="s">
        <v>349</v>
      </c>
      <c r="L535" s="55" t="s">
        <v>4</v>
      </c>
      <c r="M535" s="56" t="s">
        <v>5</v>
      </c>
      <c r="N535" s="55" t="s">
        <v>82</v>
      </c>
      <c r="O535" s="55" t="s">
        <v>6</v>
      </c>
      <c r="P535" s="56" t="s">
        <v>7</v>
      </c>
      <c r="Q535" s="57" t="s">
        <v>8</v>
      </c>
      <c r="R535" s="56" t="s">
        <v>9</v>
      </c>
      <c r="S535" s="55" t="s">
        <v>10</v>
      </c>
      <c r="T535" s="55" t="s">
        <v>11</v>
      </c>
      <c r="U535" s="55" t="s">
        <v>12</v>
      </c>
      <c r="V535" s="58" t="s">
        <v>83</v>
      </c>
      <c r="W535" s="59" t="s">
        <v>13</v>
      </c>
    </row>
    <row r="536" spans="1:23" s="2" customFormat="1" ht="37.5" customHeight="1" x14ac:dyDescent="0.15">
      <c r="A536" s="37" t="s">
        <v>352</v>
      </c>
      <c r="B536" s="38"/>
      <c r="C536" s="69">
        <v>43.611111111111114</v>
      </c>
      <c r="D536" s="70">
        <v>38.230647709320699</v>
      </c>
      <c r="E536" s="63">
        <v>47.692307692307693</v>
      </c>
      <c r="F536" s="63">
        <v>60.204081632653065</v>
      </c>
      <c r="G536" s="15">
        <v>62.5</v>
      </c>
      <c r="H536" s="62">
        <v>25</v>
      </c>
      <c r="I536" s="63">
        <v>41.414141414141412</v>
      </c>
      <c r="J536" s="63">
        <v>42.857142857142854</v>
      </c>
      <c r="K536" s="63">
        <v>81.25</v>
      </c>
      <c r="L536" s="63">
        <v>48.571428571428569</v>
      </c>
      <c r="M536" s="63">
        <v>40</v>
      </c>
      <c r="N536" s="63">
        <v>38.15789473684211</v>
      </c>
      <c r="O536" s="63">
        <v>52.72727272727272</v>
      </c>
      <c r="P536" s="63">
        <v>42.857142857142854</v>
      </c>
      <c r="Q536" s="63">
        <v>43.75</v>
      </c>
      <c r="R536" s="63">
        <v>32.692307692307693</v>
      </c>
      <c r="S536" s="63">
        <v>33.333333333333329</v>
      </c>
      <c r="T536" s="61">
        <v>45.833333333333329</v>
      </c>
      <c r="U536" s="61">
        <v>40.963855421686745</v>
      </c>
      <c r="V536" s="61">
        <v>68.965517241379317</v>
      </c>
      <c r="W536" s="15">
        <v>46.153846153846153</v>
      </c>
    </row>
    <row r="537" spans="1:23" s="2" customFormat="1" ht="37.5" customHeight="1" x14ac:dyDescent="0.15">
      <c r="A537" s="17" t="s">
        <v>353</v>
      </c>
      <c r="B537" s="19"/>
      <c r="C537" s="212">
        <v>25.74074074074074</v>
      </c>
      <c r="D537" s="213">
        <v>22.274881516587676</v>
      </c>
      <c r="E537" s="14">
        <v>27.692307692307693</v>
      </c>
      <c r="F537" s="14">
        <v>38.775510204081634</v>
      </c>
      <c r="G537" s="20">
        <v>37.5</v>
      </c>
      <c r="H537" s="74">
        <v>37.5</v>
      </c>
      <c r="I537" s="14">
        <v>22.222222222222221</v>
      </c>
      <c r="J537" s="14">
        <v>25.396825396825395</v>
      </c>
      <c r="K537" s="14">
        <v>56.25</v>
      </c>
      <c r="L537" s="14">
        <v>24.285714285714285</v>
      </c>
      <c r="M537" s="14">
        <v>14.000000000000002</v>
      </c>
      <c r="N537" s="14">
        <v>30.263157894736842</v>
      </c>
      <c r="O537" s="14">
        <v>36.363636363636367</v>
      </c>
      <c r="P537" s="14">
        <v>19.047619047619047</v>
      </c>
      <c r="Q537" s="14">
        <v>29.6875</v>
      </c>
      <c r="R537" s="14">
        <v>21.153846153846153</v>
      </c>
      <c r="S537" s="14">
        <v>24.242424242424242</v>
      </c>
      <c r="T537" s="214">
        <v>39.583333333333329</v>
      </c>
      <c r="U537" s="214">
        <v>24.096385542168676</v>
      </c>
      <c r="V537" s="214">
        <v>44.827586206896555</v>
      </c>
      <c r="W537" s="20">
        <v>20.512820512820511</v>
      </c>
    </row>
    <row r="538" spans="1:23" s="2" customFormat="1" ht="37.5" customHeight="1" x14ac:dyDescent="0.15">
      <c r="A538" s="17" t="s">
        <v>354</v>
      </c>
      <c r="B538" s="19"/>
      <c r="C538" s="212">
        <v>7.2222222222222214</v>
      </c>
      <c r="D538" s="213">
        <v>7.2669826224328586</v>
      </c>
      <c r="E538" s="14">
        <v>6.1538461538461542</v>
      </c>
      <c r="F538" s="14">
        <v>10.204081632653061</v>
      </c>
      <c r="G538" s="20">
        <v>8.3333333333333321</v>
      </c>
      <c r="H538" s="74">
        <v>12.5</v>
      </c>
      <c r="I538" s="14">
        <v>9.0909090909090917</v>
      </c>
      <c r="J538" s="14">
        <v>10.317460317460316</v>
      </c>
      <c r="K538" s="14">
        <v>0</v>
      </c>
      <c r="L538" s="14">
        <v>4.2857142857142856</v>
      </c>
      <c r="M538" s="14">
        <v>6</v>
      </c>
      <c r="N538" s="14">
        <v>7.8947368421052628</v>
      </c>
      <c r="O538" s="14">
        <v>7.2727272727272725</v>
      </c>
      <c r="P538" s="14">
        <v>9.5238095238095237</v>
      </c>
      <c r="Q538" s="14">
        <v>10.9375</v>
      </c>
      <c r="R538" s="14">
        <v>3.8461538461538463</v>
      </c>
      <c r="S538" s="14">
        <v>3.0303030303030303</v>
      </c>
      <c r="T538" s="214">
        <v>0</v>
      </c>
      <c r="U538" s="214">
        <v>7.8313253012048198</v>
      </c>
      <c r="V538" s="214">
        <v>3.4482758620689653</v>
      </c>
      <c r="W538" s="20">
        <v>8.5470085470085468</v>
      </c>
    </row>
    <row r="539" spans="1:23" s="2" customFormat="1" ht="37.5" customHeight="1" x14ac:dyDescent="0.15">
      <c r="A539" s="17" t="s">
        <v>355</v>
      </c>
      <c r="B539" s="19"/>
      <c r="C539" s="212">
        <v>42.68518518518519</v>
      </c>
      <c r="D539" s="213">
        <v>40.758293838862556</v>
      </c>
      <c r="E539" s="14">
        <v>42.153846153846153</v>
      </c>
      <c r="F539" s="14">
        <v>52.040816326530617</v>
      </c>
      <c r="G539" s="20">
        <v>62.5</v>
      </c>
      <c r="H539" s="74">
        <v>75</v>
      </c>
      <c r="I539" s="14">
        <v>37.373737373737377</v>
      </c>
      <c r="J539" s="14">
        <v>46.825396825396822</v>
      </c>
      <c r="K539" s="14">
        <v>31.25</v>
      </c>
      <c r="L539" s="14">
        <v>45.714285714285715</v>
      </c>
      <c r="M539" s="14">
        <v>40</v>
      </c>
      <c r="N539" s="14">
        <v>39.473684210526315</v>
      </c>
      <c r="O539" s="14">
        <v>30.909090909090907</v>
      </c>
      <c r="P539" s="14">
        <v>52.380952380952387</v>
      </c>
      <c r="Q539" s="14">
        <v>39.0625</v>
      </c>
      <c r="R539" s="14">
        <v>38.461538461538467</v>
      </c>
      <c r="S539" s="14">
        <v>42.424242424242422</v>
      </c>
      <c r="T539" s="214">
        <v>54.166666666666664</v>
      </c>
      <c r="U539" s="214">
        <v>41.566265060240966</v>
      </c>
      <c r="V539" s="214">
        <v>48.275862068965516</v>
      </c>
      <c r="W539" s="20">
        <v>47.863247863247864</v>
      </c>
    </row>
    <row r="540" spans="1:23" s="2" customFormat="1" ht="37.5" customHeight="1" x14ac:dyDescent="0.15">
      <c r="A540" s="17" t="s">
        <v>356</v>
      </c>
      <c r="B540" s="19"/>
      <c r="C540" s="212">
        <v>42.68518518518519</v>
      </c>
      <c r="D540" s="213">
        <v>42.49605055292259</v>
      </c>
      <c r="E540" s="14">
        <v>42.46153846153846</v>
      </c>
      <c r="F540" s="14">
        <v>43.877551020408163</v>
      </c>
      <c r="G540" s="20">
        <v>45.833333333333329</v>
      </c>
      <c r="H540" s="74">
        <v>37.5</v>
      </c>
      <c r="I540" s="14">
        <v>38.383838383838381</v>
      </c>
      <c r="J540" s="14">
        <v>37.301587301587304</v>
      </c>
      <c r="K540" s="14">
        <v>56.25</v>
      </c>
      <c r="L540" s="14">
        <v>48.571428571428569</v>
      </c>
      <c r="M540" s="14">
        <v>32</v>
      </c>
      <c r="N540" s="14">
        <v>43.421052631578952</v>
      </c>
      <c r="O540" s="14">
        <v>52.72727272727272</v>
      </c>
      <c r="P540" s="14">
        <v>52.380952380952387</v>
      </c>
      <c r="Q540" s="14">
        <v>39.0625</v>
      </c>
      <c r="R540" s="14">
        <v>30.76923076923077</v>
      </c>
      <c r="S540" s="14">
        <v>39.393939393939391</v>
      </c>
      <c r="T540" s="214">
        <v>33.333333333333329</v>
      </c>
      <c r="U540" s="214">
        <v>59.036144578313255</v>
      </c>
      <c r="V540" s="214">
        <v>34.482758620689658</v>
      </c>
      <c r="W540" s="20">
        <v>40.17094017094017</v>
      </c>
    </row>
    <row r="541" spans="1:23" s="2" customFormat="1" ht="37.5" customHeight="1" x14ac:dyDescent="0.15">
      <c r="A541" s="221" t="s">
        <v>357</v>
      </c>
      <c r="B541" s="19"/>
      <c r="C541" s="212">
        <v>22.5</v>
      </c>
      <c r="D541" s="213">
        <v>21.958925750394943</v>
      </c>
      <c r="E541" s="14">
        <v>24.307692307692307</v>
      </c>
      <c r="F541" s="14">
        <v>21.428571428571427</v>
      </c>
      <c r="G541" s="20">
        <v>16.666666666666664</v>
      </c>
      <c r="H541" s="74">
        <v>0</v>
      </c>
      <c r="I541" s="14">
        <v>23.232323232323232</v>
      </c>
      <c r="J541" s="14">
        <v>26.190476190476193</v>
      </c>
      <c r="K541" s="14">
        <v>6.25</v>
      </c>
      <c r="L541" s="14">
        <v>18.571428571428573</v>
      </c>
      <c r="M541" s="14">
        <v>26</v>
      </c>
      <c r="N541" s="14">
        <v>31.578947368421051</v>
      </c>
      <c r="O541" s="14">
        <v>32.727272727272727</v>
      </c>
      <c r="P541" s="14">
        <v>23.809523809523807</v>
      </c>
      <c r="Q541" s="14">
        <v>18.75</v>
      </c>
      <c r="R541" s="14">
        <v>15.384615384615385</v>
      </c>
      <c r="S541" s="14">
        <v>27.27272727272727</v>
      </c>
      <c r="T541" s="214">
        <v>8.3333333333333321</v>
      </c>
      <c r="U541" s="214">
        <v>20.481927710843372</v>
      </c>
      <c r="V541" s="214">
        <v>17.241379310344829</v>
      </c>
      <c r="W541" s="20">
        <v>23.931623931623932</v>
      </c>
    </row>
    <row r="542" spans="1:23" s="2" customFormat="1" ht="37.5" customHeight="1" x14ac:dyDescent="0.15">
      <c r="A542" s="17" t="s">
        <v>358</v>
      </c>
      <c r="B542" s="19"/>
      <c r="C542" s="212">
        <v>22.777777777777779</v>
      </c>
      <c r="D542" s="213">
        <v>22.590837282780409</v>
      </c>
      <c r="E542" s="14">
        <v>22.76923076923077</v>
      </c>
      <c r="F542" s="14">
        <v>23.469387755102041</v>
      </c>
      <c r="G542" s="20">
        <v>25</v>
      </c>
      <c r="H542" s="74">
        <v>12.5</v>
      </c>
      <c r="I542" s="14">
        <v>26.262626262626267</v>
      </c>
      <c r="J542" s="14">
        <v>28.571428571428569</v>
      </c>
      <c r="K542" s="14">
        <v>37.5</v>
      </c>
      <c r="L542" s="14">
        <v>30</v>
      </c>
      <c r="M542" s="14">
        <v>32</v>
      </c>
      <c r="N542" s="14">
        <v>21.052631578947366</v>
      </c>
      <c r="O542" s="14">
        <v>5.4545454545454541</v>
      </c>
      <c r="P542" s="14">
        <v>9.5238095238095237</v>
      </c>
      <c r="Q542" s="14">
        <v>25</v>
      </c>
      <c r="R542" s="14">
        <v>25</v>
      </c>
      <c r="S542" s="14">
        <v>21.212121212121211</v>
      </c>
      <c r="T542" s="214">
        <v>18.75</v>
      </c>
      <c r="U542" s="214">
        <v>22.289156626506024</v>
      </c>
      <c r="V542" s="214">
        <v>10.344827586206897</v>
      </c>
      <c r="W542" s="20">
        <v>15.384615384615385</v>
      </c>
    </row>
    <row r="543" spans="1:23" s="2" customFormat="1" ht="37.5" customHeight="1" x14ac:dyDescent="0.15">
      <c r="A543" s="39" t="s">
        <v>359</v>
      </c>
      <c r="B543" s="40"/>
      <c r="C543" s="71">
        <v>2.0370370370370372</v>
      </c>
      <c r="D543" s="72">
        <v>1.4218009478672986</v>
      </c>
      <c r="E543" s="18">
        <v>3.3846153846153846</v>
      </c>
      <c r="F543" s="18">
        <v>2.0408163265306123</v>
      </c>
      <c r="G543" s="25">
        <v>0</v>
      </c>
      <c r="H543" s="75">
        <v>0</v>
      </c>
      <c r="I543" s="18">
        <v>3.0303030303030303</v>
      </c>
      <c r="J543" s="18">
        <v>2.3809523809523809</v>
      </c>
      <c r="K543" s="18">
        <v>0</v>
      </c>
      <c r="L543" s="18">
        <v>1.4285714285714286</v>
      </c>
      <c r="M543" s="18">
        <v>1</v>
      </c>
      <c r="N543" s="18">
        <v>2.6315789473684208</v>
      </c>
      <c r="O543" s="18">
        <v>0</v>
      </c>
      <c r="P543" s="18">
        <v>0</v>
      </c>
      <c r="Q543" s="18">
        <v>1.5625</v>
      </c>
      <c r="R543" s="18">
        <v>0</v>
      </c>
      <c r="S543" s="18">
        <v>6.0606060606060606</v>
      </c>
      <c r="T543" s="73">
        <v>2.083333333333333</v>
      </c>
      <c r="U543" s="73">
        <v>0.60240963855421692</v>
      </c>
      <c r="V543" s="73">
        <v>3.4482758620689653</v>
      </c>
      <c r="W543" s="25">
        <v>5.1282051282051277</v>
      </c>
    </row>
    <row r="544" spans="1:23" s="2" customFormat="1" ht="37.5" customHeight="1" x14ac:dyDescent="0.15">
      <c r="A544" s="39" t="s">
        <v>360</v>
      </c>
      <c r="B544" s="40"/>
      <c r="C544" s="71">
        <v>26.75925925925926</v>
      </c>
      <c r="D544" s="72">
        <v>27.17219589257504</v>
      </c>
      <c r="E544" s="18">
        <v>26.769230769230766</v>
      </c>
      <c r="F544" s="18">
        <v>23.469387755102041</v>
      </c>
      <c r="G544" s="25">
        <v>29.166666666666668</v>
      </c>
      <c r="H544" s="75">
        <v>50</v>
      </c>
      <c r="I544" s="18">
        <v>21.212121212121211</v>
      </c>
      <c r="J544" s="18">
        <v>31.746031746031743</v>
      </c>
      <c r="K544" s="18">
        <v>12.5</v>
      </c>
      <c r="L544" s="18">
        <v>25.714285714285712</v>
      </c>
      <c r="M544" s="18">
        <v>22</v>
      </c>
      <c r="N544" s="18">
        <v>22.368421052631579</v>
      </c>
      <c r="O544" s="18">
        <v>45.454545454545453</v>
      </c>
      <c r="P544" s="18">
        <v>28.571428571428569</v>
      </c>
      <c r="Q544" s="18">
        <v>32.8125</v>
      </c>
      <c r="R544" s="18">
        <v>28.846153846153843</v>
      </c>
      <c r="S544" s="18">
        <v>27.27272727272727</v>
      </c>
      <c r="T544" s="73">
        <v>25</v>
      </c>
      <c r="U544" s="73">
        <v>22.891566265060241</v>
      </c>
      <c r="V544" s="73">
        <v>24.137931034482758</v>
      </c>
      <c r="W544" s="25">
        <v>27.350427350427353</v>
      </c>
    </row>
    <row r="545" spans="1:23" s="2" customFormat="1" ht="37.5" customHeight="1" x14ac:dyDescent="0.15">
      <c r="A545" s="39" t="s">
        <v>361</v>
      </c>
      <c r="B545" s="40"/>
      <c r="C545" s="71">
        <v>23.148148148148149</v>
      </c>
      <c r="D545" s="72">
        <v>23.538704581358612</v>
      </c>
      <c r="E545" s="18">
        <v>22.76923076923077</v>
      </c>
      <c r="F545" s="18">
        <v>23.469387755102041</v>
      </c>
      <c r="G545" s="25">
        <v>16.666666666666664</v>
      </c>
      <c r="H545" s="75">
        <v>12.5</v>
      </c>
      <c r="I545" s="18">
        <v>24.242424242424242</v>
      </c>
      <c r="J545" s="18">
        <v>26.984126984126984</v>
      </c>
      <c r="K545" s="18">
        <v>50</v>
      </c>
      <c r="L545" s="18">
        <v>27.142857142857142</v>
      </c>
      <c r="M545" s="18">
        <v>24</v>
      </c>
      <c r="N545" s="18">
        <v>30.263157894736842</v>
      </c>
      <c r="O545" s="18">
        <v>9.0909090909090917</v>
      </c>
      <c r="P545" s="18">
        <v>23.809523809523807</v>
      </c>
      <c r="Q545" s="18">
        <v>15.625</v>
      </c>
      <c r="R545" s="18">
        <v>34.615384615384613</v>
      </c>
      <c r="S545" s="18">
        <v>18.181818181818183</v>
      </c>
      <c r="T545" s="73">
        <v>18.75</v>
      </c>
      <c r="U545" s="73">
        <v>22.891566265060241</v>
      </c>
      <c r="V545" s="73">
        <v>10.344827586206897</v>
      </c>
      <c r="W545" s="25">
        <v>19.658119658119659</v>
      </c>
    </row>
    <row r="546" spans="1:23" s="2" customFormat="1" ht="37.5" customHeight="1" thickBot="1" x14ac:dyDescent="0.2">
      <c r="A546" s="46" t="s">
        <v>100</v>
      </c>
      <c r="B546" s="47"/>
      <c r="C546" s="76">
        <v>3.425925925925926</v>
      </c>
      <c r="D546" s="77">
        <v>3.3175355450236967</v>
      </c>
      <c r="E546" s="29">
        <v>2.4615384615384617</v>
      </c>
      <c r="F546" s="29">
        <v>6.1224489795918364</v>
      </c>
      <c r="G546" s="30">
        <v>8.3333333333333321</v>
      </c>
      <c r="H546" s="66">
        <v>0</v>
      </c>
      <c r="I546" s="29">
        <v>1.0101010101010102</v>
      </c>
      <c r="J546" s="29">
        <v>3.1746031746031744</v>
      </c>
      <c r="K546" s="29">
        <v>0</v>
      </c>
      <c r="L546" s="29">
        <v>4.2857142857142856</v>
      </c>
      <c r="M546" s="29">
        <v>2</v>
      </c>
      <c r="N546" s="29">
        <v>6.5789473684210522</v>
      </c>
      <c r="O546" s="29">
        <v>0</v>
      </c>
      <c r="P546" s="29">
        <v>9.5238095238095237</v>
      </c>
      <c r="Q546" s="29">
        <v>0</v>
      </c>
      <c r="R546" s="29">
        <v>5.7692307692307692</v>
      </c>
      <c r="S546" s="29">
        <v>3.0303030303030303</v>
      </c>
      <c r="T546" s="65">
        <v>4.1666666666666661</v>
      </c>
      <c r="U546" s="65">
        <v>6.024096385542169</v>
      </c>
      <c r="V546" s="65">
        <v>0</v>
      </c>
      <c r="W546" s="30">
        <v>3.4188034188034191</v>
      </c>
    </row>
    <row r="547" spans="1:23" s="2" customFormat="1" x14ac:dyDescent="0.15"/>
    <row r="548" spans="1:23" x14ac:dyDescent="0.15">
      <c r="A548" s="2"/>
      <c r="B548" s="2"/>
      <c r="C548" s="2"/>
      <c r="D548" s="2"/>
      <c r="E548" s="2"/>
      <c r="F548" s="2"/>
      <c r="G548" s="2"/>
      <c r="H548" s="2"/>
      <c r="I548" s="2"/>
      <c r="J548" s="2"/>
      <c r="K548" s="2"/>
      <c r="L548" s="2"/>
      <c r="M548" s="2"/>
      <c r="N548" s="2"/>
      <c r="O548" s="2"/>
      <c r="P548" s="2"/>
      <c r="Q548" s="2"/>
      <c r="R548" s="2"/>
      <c r="S548" s="2"/>
      <c r="T548" s="2"/>
      <c r="U548" s="2"/>
      <c r="V548" s="2"/>
      <c r="W548" s="2"/>
    </row>
    <row r="549" spans="1:23" s="2" customFormat="1" x14ac:dyDescent="0.15">
      <c r="A549" s="2" t="s">
        <v>362</v>
      </c>
      <c r="F549" s="2" t="s">
        <v>429</v>
      </c>
    </row>
    <row r="550" spans="1:23" s="2" customFormat="1" ht="14.25" thickBot="1" x14ac:dyDescent="0.2">
      <c r="V550" s="1"/>
      <c r="W550" s="1" t="s">
        <v>75</v>
      </c>
    </row>
    <row r="551" spans="1:23" s="2" customFormat="1" x14ac:dyDescent="0.15">
      <c r="A551" s="4"/>
      <c r="B551" s="5" t="s">
        <v>76</v>
      </c>
      <c r="C551" s="67"/>
      <c r="D551" s="37" t="s">
        <v>15</v>
      </c>
      <c r="E551" s="38"/>
      <c r="F551" s="38"/>
      <c r="G551" s="48"/>
      <c r="H551" s="37" t="s">
        <v>20</v>
      </c>
      <c r="I551" s="38"/>
      <c r="J551" s="38"/>
      <c r="K551" s="38"/>
      <c r="L551" s="38"/>
      <c r="M551" s="38"/>
      <c r="N551" s="38"/>
      <c r="O551" s="38"/>
      <c r="P551" s="38"/>
      <c r="Q551" s="38"/>
      <c r="R551" s="38"/>
      <c r="S551" s="38"/>
      <c r="T551" s="38"/>
      <c r="U551" s="38"/>
      <c r="V551" s="38"/>
      <c r="W551" s="48"/>
    </row>
    <row r="552" spans="1:23" s="2" customFormat="1" ht="54.75" thickBot="1" x14ac:dyDescent="0.2">
      <c r="A552" s="13" t="s">
        <v>87</v>
      </c>
      <c r="C552" s="68" t="s">
        <v>19</v>
      </c>
      <c r="D552" s="50" t="s">
        <v>363</v>
      </c>
      <c r="E552" s="51" t="s">
        <v>181</v>
      </c>
      <c r="F552" s="51" t="s">
        <v>128</v>
      </c>
      <c r="G552" s="52" t="s">
        <v>1</v>
      </c>
      <c r="H552" s="53" t="s">
        <v>2</v>
      </c>
      <c r="I552" s="11" t="s">
        <v>105</v>
      </c>
      <c r="J552" s="11" t="s">
        <v>364</v>
      </c>
      <c r="K552" s="54" t="s">
        <v>183</v>
      </c>
      <c r="L552" s="55" t="s">
        <v>4</v>
      </c>
      <c r="M552" s="56" t="s">
        <v>5</v>
      </c>
      <c r="N552" s="55" t="s">
        <v>82</v>
      </c>
      <c r="O552" s="55" t="s">
        <v>6</v>
      </c>
      <c r="P552" s="56" t="s">
        <v>7</v>
      </c>
      <c r="Q552" s="57" t="s">
        <v>8</v>
      </c>
      <c r="R552" s="56" t="s">
        <v>9</v>
      </c>
      <c r="S552" s="55" t="s">
        <v>10</v>
      </c>
      <c r="T552" s="55" t="s">
        <v>11</v>
      </c>
      <c r="U552" s="55" t="s">
        <v>12</v>
      </c>
      <c r="V552" s="58" t="s">
        <v>83</v>
      </c>
      <c r="W552" s="59" t="s">
        <v>13</v>
      </c>
    </row>
    <row r="553" spans="1:23" s="2" customFormat="1" ht="37.5" customHeight="1" x14ac:dyDescent="0.15">
      <c r="A553" s="37" t="s">
        <v>365</v>
      </c>
      <c r="B553" s="38"/>
      <c r="C553" s="69">
        <v>66.932270916334659</v>
      </c>
      <c r="D553" s="70">
        <v>59.722222222222221</v>
      </c>
      <c r="E553" s="63">
        <v>78.666666666666657</v>
      </c>
      <c r="F553" s="63">
        <v>73.076923076923066</v>
      </c>
      <c r="G553" s="15">
        <v>66.666666666666657</v>
      </c>
      <c r="H553" s="62">
        <v>100</v>
      </c>
      <c r="I553" s="63">
        <v>57.142857142857139</v>
      </c>
      <c r="J553" s="63">
        <v>73.68421052631578</v>
      </c>
      <c r="K553" s="63">
        <v>100</v>
      </c>
      <c r="L553" s="63">
        <v>61.904761904761905</v>
      </c>
      <c r="M553" s="63">
        <v>84.375</v>
      </c>
      <c r="N553" s="63">
        <v>62.5</v>
      </c>
      <c r="O553" s="63">
        <v>33.333333333333329</v>
      </c>
      <c r="P553" s="63">
        <v>100</v>
      </c>
      <c r="Q553" s="63">
        <v>43.75</v>
      </c>
      <c r="R553" s="63">
        <v>61.53846153846154</v>
      </c>
      <c r="S553" s="63">
        <v>42.857142857142854</v>
      </c>
      <c r="T553" s="61">
        <v>77.777777777777786</v>
      </c>
      <c r="U553" s="61">
        <v>64.86486486486487</v>
      </c>
      <c r="V553" s="61">
        <v>100</v>
      </c>
      <c r="W553" s="15">
        <v>63.157894736842103</v>
      </c>
    </row>
    <row r="554" spans="1:23" s="2" customFormat="1" ht="37.5" customHeight="1" x14ac:dyDescent="0.15">
      <c r="A554" s="39" t="s">
        <v>366</v>
      </c>
      <c r="B554" s="40"/>
      <c r="C554" s="71">
        <v>27.490039840637447</v>
      </c>
      <c r="D554" s="72">
        <v>25</v>
      </c>
      <c r="E554" s="18">
        <v>26.666666666666668</v>
      </c>
      <c r="F554" s="18">
        <v>42.307692307692307</v>
      </c>
      <c r="G554" s="25">
        <v>33.333333333333329</v>
      </c>
      <c r="H554" s="75">
        <v>100</v>
      </c>
      <c r="I554" s="18">
        <v>21.428571428571427</v>
      </c>
      <c r="J554" s="18">
        <v>31.578947368421051</v>
      </c>
      <c r="K554" s="18">
        <v>100</v>
      </c>
      <c r="L554" s="18">
        <v>28.571428571428569</v>
      </c>
      <c r="M554" s="18">
        <v>21.875</v>
      </c>
      <c r="N554" s="18">
        <v>31.25</v>
      </c>
      <c r="O554" s="18">
        <v>0</v>
      </c>
      <c r="P554" s="18">
        <v>0</v>
      </c>
      <c r="Q554" s="18">
        <v>18.75</v>
      </c>
      <c r="R554" s="18">
        <v>38.461538461538467</v>
      </c>
      <c r="S554" s="18">
        <v>14.285714285714285</v>
      </c>
      <c r="T554" s="73">
        <v>44.444444444444443</v>
      </c>
      <c r="U554" s="73">
        <v>18.918918918918919</v>
      </c>
      <c r="V554" s="73">
        <v>33.333333333333329</v>
      </c>
      <c r="W554" s="25">
        <v>26.315789473684209</v>
      </c>
    </row>
    <row r="555" spans="1:23" s="2" customFormat="1" ht="37.5" customHeight="1" x14ac:dyDescent="0.15">
      <c r="A555" s="39" t="s">
        <v>367</v>
      </c>
      <c r="B555" s="40"/>
      <c r="C555" s="71">
        <v>43.82470119521912</v>
      </c>
      <c r="D555" s="72">
        <v>44.444444444444443</v>
      </c>
      <c r="E555" s="18">
        <v>45.333333333333329</v>
      </c>
      <c r="F555" s="18">
        <v>38.461538461538467</v>
      </c>
      <c r="G555" s="25">
        <v>33.333333333333329</v>
      </c>
      <c r="H555" s="75">
        <v>0</v>
      </c>
      <c r="I555" s="18">
        <v>46.428571428571431</v>
      </c>
      <c r="J555" s="18">
        <v>28.947368421052634</v>
      </c>
      <c r="K555" s="18">
        <v>100</v>
      </c>
      <c r="L555" s="18">
        <v>47.619047619047613</v>
      </c>
      <c r="M555" s="18">
        <v>37.5</v>
      </c>
      <c r="N555" s="18">
        <v>37.5</v>
      </c>
      <c r="O555" s="18">
        <v>0</v>
      </c>
      <c r="P555" s="18">
        <v>50</v>
      </c>
      <c r="Q555" s="18">
        <v>50</v>
      </c>
      <c r="R555" s="18">
        <v>38.461538461538467</v>
      </c>
      <c r="S555" s="18">
        <v>42.857142857142854</v>
      </c>
      <c r="T555" s="73">
        <v>66.666666666666657</v>
      </c>
      <c r="U555" s="73">
        <v>43.243243243243242</v>
      </c>
      <c r="V555" s="73">
        <v>66.666666666666657</v>
      </c>
      <c r="W555" s="25">
        <v>57.894736842105267</v>
      </c>
    </row>
    <row r="556" spans="1:23" s="2" customFormat="1" ht="37.5" customHeight="1" x14ac:dyDescent="0.15">
      <c r="A556" s="39" t="s">
        <v>368</v>
      </c>
      <c r="B556" s="40"/>
      <c r="C556" s="71">
        <v>59.760956175298809</v>
      </c>
      <c r="D556" s="72">
        <v>54.166666666666664</v>
      </c>
      <c r="E556" s="18">
        <v>61.333333333333329</v>
      </c>
      <c r="F556" s="18">
        <v>80.769230769230774</v>
      </c>
      <c r="G556" s="25">
        <v>83.333333333333343</v>
      </c>
      <c r="H556" s="75">
        <v>100</v>
      </c>
      <c r="I556" s="18">
        <v>32.142857142857146</v>
      </c>
      <c r="J556" s="18">
        <v>65.789473684210535</v>
      </c>
      <c r="K556" s="18">
        <v>100</v>
      </c>
      <c r="L556" s="18">
        <v>52.380952380952387</v>
      </c>
      <c r="M556" s="18">
        <v>50</v>
      </c>
      <c r="N556" s="18">
        <v>68.75</v>
      </c>
      <c r="O556" s="18">
        <v>100</v>
      </c>
      <c r="P556" s="18">
        <v>0</v>
      </c>
      <c r="Q556" s="18">
        <v>62.5</v>
      </c>
      <c r="R556" s="18">
        <v>53.846153846153847</v>
      </c>
      <c r="S556" s="18">
        <v>42.857142857142854</v>
      </c>
      <c r="T556" s="73">
        <v>88.888888888888886</v>
      </c>
      <c r="U556" s="73">
        <v>81.081081081081081</v>
      </c>
      <c r="V556" s="73">
        <v>33.333333333333329</v>
      </c>
      <c r="W556" s="25">
        <v>47.368421052631575</v>
      </c>
    </row>
    <row r="557" spans="1:23" s="2" customFormat="1" ht="37.5" customHeight="1" thickBot="1" x14ac:dyDescent="0.2">
      <c r="A557" s="46" t="s">
        <v>100</v>
      </c>
      <c r="B557" s="47"/>
      <c r="C557" s="76">
        <v>4.3824701195219129</v>
      </c>
      <c r="D557" s="77">
        <v>5.5555555555555554</v>
      </c>
      <c r="E557" s="29">
        <v>1.3333333333333335</v>
      </c>
      <c r="F557" s="29">
        <v>3.8461538461538463</v>
      </c>
      <c r="G557" s="30">
        <v>16.666666666666664</v>
      </c>
      <c r="H557" s="66">
        <v>0</v>
      </c>
      <c r="I557" s="29">
        <v>3.5714285714285712</v>
      </c>
      <c r="J557" s="29">
        <v>0</v>
      </c>
      <c r="K557" s="29">
        <v>0</v>
      </c>
      <c r="L557" s="29">
        <v>4.7619047619047619</v>
      </c>
      <c r="M557" s="29">
        <v>0</v>
      </c>
      <c r="N557" s="29">
        <v>18.75</v>
      </c>
      <c r="O557" s="29">
        <v>0</v>
      </c>
      <c r="P557" s="29">
        <v>0</v>
      </c>
      <c r="Q557" s="29">
        <v>6.25</v>
      </c>
      <c r="R557" s="29">
        <v>23.076923076923077</v>
      </c>
      <c r="S557" s="29">
        <v>14.285714285714285</v>
      </c>
      <c r="T557" s="65">
        <v>0</v>
      </c>
      <c r="U557" s="65">
        <v>2.7027027027027026</v>
      </c>
      <c r="V557" s="65">
        <v>0</v>
      </c>
      <c r="W557" s="30">
        <v>0</v>
      </c>
    </row>
    <row r="558" spans="1:23" s="2" customFormat="1" x14ac:dyDescent="0.15"/>
    <row r="559" spans="1:23" x14ac:dyDescent="0.15">
      <c r="A559" s="1" t="s">
        <v>369</v>
      </c>
    </row>
    <row r="560" spans="1:23" ht="14.25" thickBot="1" x14ac:dyDescent="0.2">
      <c r="L560" s="3" t="s">
        <v>14</v>
      </c>
    </row>
    <row r="561" spans="1:12" x14ac:dyDescent="0.15">
      <c r="A561" s="229"/>
      <c r="B561" s="232" t="s">
        <v>15</v>
      </c>
      <c r="C561" s="229" t="s">
        <v>16</v>
      </c>
      <c r="D561" s="230"/>
      <c r="E561" s="231" t="s">
        <v>17</v>
      </c>
      <c r="F561" s="230"/>
      <c r="G561" s="231" t="s">
        <v>18</v>
      </c>
      <c r="H561" s="230"/>
      <c r="I561" s="231" t="s">
        <v>1</v>
      </c>
      <c r="J561" s="230"/>
      <c r="K561" s="232" t="s">
        <v>19</v>
      </c>
      <c r="L561" s="233"/>
    </row>
    <row r="562" spans="1:12" ht="14.25" thickBot="1" x14ac:dyDescent="0.2">
      <c r="A562" s="226" t="s">
        <v>20</v>
      </c>
      <c r="B562" s="227"/>
      <c r="C562" s="234"/>
      <c r="D562" s="235" t="s">
        <v>21</v>
      </c>
      <c r="E562" s="236"/>
      <c r="F562" s="235" t="s">
        <v>21</v>
      </c>
      <c r="G562" s="236"/>
      <c r="H562" s="235" t="s">
        <v>21</v>
      </c>
      <c r="I562" s="236"/>
      <c r="J562" s="235" t="s">
        <v>21</v>
      </c>
      <c r="K562" s="237"/>
      <c r="L562" s="238" t="s">
        <v>21</v>
      </c>
    </row>
    <row r="563" spans="1:12" x14ac:dyDescent="0.15">
      <c r="A563" s="229" t="s">
        <v>22</v>
      </c>
      <c r="B563" s="233" t="s">
        <v>23</v>
      </c>
      <c r="C563" s="245">
        <v>4</v>
      </c>
      <c r="D563" s="246">
        <v>100</v>
      </c>
      <c r="E563" s="247" t="s">
        <v>412</v>
      </c>
      <c r="F563" s="246"/>
      <c r="G563" s="247" t="s">
        <v>412</v>
      </c>
      <c r="H563" s="246"/>
      <c r="I563" s="247" t="s">
        <v>412</v>
      </c>
      <c r="J563" s="246"/>
      <c r="K563" s="248">
        <v>4</v>
      </c>
      <c r="L563" s="224">
        <v>100</v>
      </c>
    </row>
    <row r="564" spans="1:12" x14ac:dyDescent="0.15">
      <c r="A564" s="219"/>
      <c r="B564" s="239"/>
      <c r="C564" s="249"/>
      <c r="D564" s="250">
        <v>1.0416666666666665</v>
      </c>
      <c r="E564" s="268"/>
      <c r="F564" s="250"/>
      <c r="G564" s="268"/>
      <c r="H564" s="250"/>
      <c r="I564" s="268"/>
      <c r="J564" s="250"/>
      <c r="K564" s="252"/>
      <c r="L564" s="224">
        <v>0.55020632737276476</v>
      </c>
    </row>
    <row r="565" spans="1:12" x14ac:dyDescent="0.15">
      <c r="A565" s="223" t="s">
        <v>24</v>
      </c>
      <c r="B565" s="240" t="s">
        <v>25</v>
      </c>
      <c r="C565" s="253">
        <v>16</v>
      </c>
      <c r="D565" s="250">
        <v>48.484848484848484</v>
      </c>
      <c r="E565" s="254">
        <v>13</v>
      </c>
      <c r="F565" s="250">
        <v>39.393939393939391</v>
      </c>
      <c r="G565" s="254">
        <v>4</v>
      </c>
      <c r="H565" s="250">
        <v>12.121212121212121</v>
      </c>
      <c r="I565" s="254" t="s">
        <v>412</v>
      </c>
      <c r="J565" s="250"/>
      <c r="K565" s="255">
        <v>33</v>
      </c>
      <c r="L565" s="224">
        <v>100</v>
      </c>
    </row>
    <row r="566" spans="1:12" x14ac:dyDescent="0.15">
      <c r="A566" s="221"/>
      <c r="B566" s="239"/>
      <c r="C566" s="249"/>
      <c r="D566" s="250">
        <v>4.1666666666666661</v>
      </c>
      <c r="E566" s="251"/>
      <c r="F566" s="250">
        <v>5.46218487394958</v>
      </c>
      <c r="G566" s="251"/>
      <c r="H566" s="250">
        <v>4.7619047619047619</v>
      </c>
      <c r="I566" s="251"/>
      <c r="J566" s="250"/>
      <c r="K566" s="252"/>
      <c r="L566" s="224">
        <v>4.5392022008253097</v>
      </c>
    </row>
    <row r="567" spans="1:12" x14ac:dyDescent="0.15">
      <c r="A567" s="223" t="s">
        <v>370</v>
      </c>
      <c r="B567" s="240" t="s">
        <v>27</v>
      </c>
      <c r="C567" s="253">
        <v>43</v>
      </c>
      <c r="D567" s="250">
        <v>40.186915887850468</v>
      </c>
      <c r="E567" s="254">
        <v>32</v>
      </c>
      <c r="F567" s="250">
        <v>29.906542056074763</v>
      </c>
      <c r="G567" s="254">
        <v>25</v>
      </c>
      <c r="H567" s="250">
        <v>23.364485981308412</v>
      </c>
      <c r="I567" s="254">
        <v>7</v>
      </c>
      <c r="J567" s="250">
        <v>6.5420560747663545</v>
      </c>
      <c r="K567" s="255">
        <v>107</v>
      </c>
      <c r="L567" s="224">
        <v>100</v>
      </c>
    </row>
    <row r="568" spans="1:12" x14ac:dyDescent="0.15">
      <c r="A568" s="221"/>
      <c r="B568" s="239"/>
      <c r="C568" s="249"/>
      <c r="D568" s="250">
        <v>11.197916666666668</v>
      </c>
      <c r="E568" s="251"/>
      <c r="F568" s="250">
        <v>13.445378151260504</v>
      </c>
      <c r="G568" s="251"/>
      <c r="H568" s="250">
        <v>29.761904761904763</v>
      </c>
      <c r="I568" s="251"/>
      <c r="J568" s="250">
        <v>33.333333333333329</v>
      </c>
      <c r="K568" s="252"/>
      <c r="L568" s="224">
        <v>14.718019257221457</v>
      </c>
    </row>
    <row r="569" spans="1:12" x14ac:dyDescent="0.15">
      <c r="A569" s="223" t="s">
        <v>28</v>
      </c>
      <c r="B569" s="240" t="s">
        <v>371</v>
      </c>
      <c r="C569" s="253" t="s">
        <v>414</v>
      </c>
      <c r="D569" s="250" t="s">
        <v>413</v>
      </c>
      <c r="E569" s="254" t="s">
        <v>413</v>
      </c>
      <c r="F569" s="250" t="s">
        <v>413</v>
      </c>
      <c r="G569" s="247" t="s">
        <v>412</v>
      </c>
      <c r="H569" s="250"/>
      <c r="I569" s="254" t="s">
        <v>412</v>
      </c>
      <c r="J569" s="250"/>
      <c r="K569" s="255">
        <v>5</v>
      </c>
      <c r="L569" s="224">
        <v>100</v>
      </c>
    </row>
    <row r="570" spans="1:12" x14ac:dyDescent="0.15">
      <c r="A570" s="221"/>
      <c r="B570" s="239" t="s">
        <v>30</v>
      </c>
      <c r="C570" s="249"/>
      <c r="D570" s="250" t="s">
        <v>413</v>
      </c>
      <c r="E570" s="251"/>
      <c r="F570" s="250" t="s">
        <v>413</v>
      </c>
      <c r="G570" s="251"/>
      <c r="H570" s="250"/>
      <c r="I570" s="251"/>
      <c r="J570" s="250"/>
      <c r="K570" s="252"/>
      <c r="L570" s="224">
        <v>0.68775790921595592</v>
      </c>
    </row>
    <row r="571" spans="1:12" x14ac:dyDescent="0.15">
      <c r="A571" s="223" t="s">
        <v>66</v>
      </c>
      <c r="B571" s="240" t="s">
        <v>32</v>
      </c>
      <c r="C571" s="253">
        <v>16</v>
      </c>
      <c r="D571" s="250">
        <v>57.142857142857139</v>
      </c>
      <c r="E571" s="254">
        <v>9</v>
      </c>
      <c r="F571" s="250">
        <v>32.142857142857146</v>
      </c>
      <c r="G571" s="254" t="s">
        <v>413</v>
      </c>
      <c r="H571" s="250" t="s">
        <v>413</v>
      </c>
      <c r="I571" s="254" t="s">
        <v>413</v>
      </c>
      <c r="J571" s="250" t="s">
        <v>413</v>
      </c>
      <c r="K571" s="255">
        <v>28</v>
      </c>
      <c r="L571" s="224">
        <v>99.999999999999986</v>
      </c>
    </row>
    <row r="572" spans="1:12" x14ac:dyDescent="0.15">
      <c r="A572" s="221"/>
      <c r="B572" s="239"/>
      <c r="C572" s="249"/>
      <c r="D572" s="250">
        <v>4.1666666666666661</v>
      </c>
      <c r="E572" s="251"/>
      <c r="F572" s="250">
        <v>3.7815126050420167</v>
      </c>
      <c r="G572" s="251"/>
      <c r="H572" s="250" t="s">
        <v>413</v>
      </c>
      <c r="I572" s="251"/>
      <c r="J572" s="250" t="s">
        <v>413</v>
      </c>
      <c r="K572" s="252"/>
      <c r="L572" s="224">
        <v>3.8514442916093539</v>
      </c>
    </row>
    <row r="573" spans="1:12" x14ac:dyDescent="0.15">
      <c r="A573" s="223" t="s">
        <v>33</v>
      </c>
      <c r="B573" s="240" t="s">
        <v>34</v>
      </c>
      <c r="C573" s="253">
        <v>25</v>
      </c>
      <c r="D573" s="250">
        <v>40.322580645161288</v>
      </c>
      <c r="E573" s="254">
        <v>31</v>
      </c>
      <c r="F573" s="250">
        <v>50</v>
      </c>
      <c r="G573" s="254">
        <v>5</v>
      </c>
      <c r="H573" s="250">
        <v>8.064516129032258</v>
      </c>
      <c r="I573" s="254">
        <v>1</v>
      </c>
      <c r="J573" s="250">
        <v>1.6129032258064515</v>
      </c>
      <c r="K573" s="255">
        <v>62</v>
      </c>
      <c r="L573" s="224">
        <v>99.999999999999986</v>
      </c>
    </row>
    <row r="574" spans="1:12" x14ac:dyDescent="0.15">
      <c r="A574" s="221"/>
      <c r="B574" s="239"/>
      <c r="C574" s="249"/>
      <c r="D574" s="250">
        <v>6.510416666666667</v>
      </c>
      <c r="E574" s="251"/>
      <c r="F574" s="250">
        <v>13.025210084033615</v>
      </c>
      <c r="G574" s="251"/>
      <c r="H574" s="250">
        <v>5.9523809523809517</v>
      </c>
      <c r="I574" s="251"/>
      <c r="J574" s="250">
        <v>4.7619047619047619</v>
      </c>
      <c r="K574" s="252"/>
      <c r="L574" s="224">
        <v>8.5281980742778547</v>
      </c>
    </row>
    <row r="575" spans="1:12" x14ac:dyDescent="0.15">
      <c r="A575" s="223" t="s">
        <v>35</v>
      </c>
      <c r="B575" s="240" t="s">
        <v>36</v>
      </c>
      <c r="C575" s="253">
        <v>40</v>
      </c>
      <c r="D575" s="250">
        <v>72.727272727272734</v>
      </c>
      <c r="E575" s="254">
        <v>11</v>
      </c>
      <c r="F575" s="250">
        <v>20</v>
      </c>
      <c r="G575" s="254">
        <v>4</v>
      </c>
      <c r="H575" s="250">
        <v>7.2727272727272725</v>
      </c>
      <c r="I575" s="254" t="s">
        <v>412</v>
      </c>
      <c r="J575" s="250"/>
      <c r="K575" s="255">
        <v>55</v>
      </c>
      <c r="L575" s="224">
        <v>100</v>
      </c>
    </row>
    <row r="576" spans="1:12" x14ac:dyDescent="0.15">
      <c r="A576" s="221"/>
      <c r="B576" s="239"/>
      <c r="C576" s="249"/>
      <c r="D576" s="250">
        <v>10.416666666666668</v>
      </c>
      <c r="E576" s="251"/>
      <c r="F576" s="250">
        <v>4.6218487394957988</v>
      </c>
      <c r="G576" s="251"/>
      <c r="H576" s="250">
        <v>4.7619047619047619</v>
      </c>
      <c r="I576" s="251"/>
      <c r="J576" s="250"/>
      <c r="K576" s="252"/>
      <c r="L576" s="224">
        <v>7.5653370013755161</v>
      </c>
    </row>
    <row r="577" spans="1:12" x14ac:dyDescent="0.15">
      <c r="A577" s="223" t="s">
        <v>37</v>
      </c>
      <c r="B577" s="240" t="s">
        <v>38</v>
      </c>
      <c r="C577" s="253">
        <v>7</v>
      </c>
      <c r="D577" s="250">
        <v>50</v>
      </c>
      <c r="E577" s="254" t="s">
        <v>413</v>
      </c>
      <c r="F577" s="250" t="s">
        <v>413</v>
      </c>
      <c r="G577" s="247" t="s">
        <v>412</v>
      </c>
      <c r="H577" s="250"/>
      <c r="I577" s="254" t="s">
        <v>413</v>
      </c>
      <c r="J577" s="250" t="s">
        <v>413</v>
      </c>
      <c r="K577" s="255">
        <v>14</v>
      </c>
      <c r="L577" s="224">
        <v>100</v>
      </c>
    </row>
    <row r="578" spans="1:12" x14ac:dyDescent="0.15">
      <c r="A578" s="221"/>
      <c r="B578" s="239"/>
      <c r="C578" s="249"/>
      <c r="D578" s="250">
        <v>1.8229166666666667</v>
      </c>
      <c r="E578" s="251"/>
      <c r="F578" s="250" t="s">
        <v>413</v>
      </c>
      <c r="G578" s="251"/>
      <c r="H578" s="250"/>
      <c r="I578" s="251"/>
      <c r="J578" s="250" t="s">
        <v>413</v>
      </c>
      <c r="K578" s="252"/>
      <c r="L578" s="224">
        <v>1.9257221458046769</v>
      </c>
    </row>
    <row r="579" spans="1:12" x14ac:dyDescent="0.15">
      <c r="A579" s="223" t="s">
        <v>39</v>
      </c>
      <c r="B579" s="240" t="s">
        <v>40</v>
      </c>
      <c r="C579" s="253" t="s">
        <v>413</v>
      </c>
      <c r="D579" s="250" t="s">
        <v>413</v>
      </c>
      <c r="E579" s="254" t="s">
        <v>413</v>
      </c>
      <c r="F579" s="250" t="s">
        <v>413</v>
      </c>
      <c r="G579" s="247" t="s">
        <v>412</v>
      </c>
      <c r="H579" s="250"/>
      <c r="I579" s="254" t="s">
        <v>412</v>
      </c>
      <c r="J579" s="250"/>
      <c r="K579" s="255">
        <v>12</v>
      </c>
      <c r="L579" s="224">
        <v>99.999999999999986</v>
      </c>
    </row>
    <row r="580" spans="1:12" x14ac:dyDescent="0.15">
      <c r="A580" s="221"/>
      <c r="B580" s="239"/>
      <c r="C580" s="249"/>
      <c r="D580" s="250" t="s">
        <v>413</v>
      </c>
      <c r="E580" s="251"/>
      <c r="F580" s="250" t="s">
        <v>413</v>
      </c>
      <c r="G580" s="251"/>
      <c r="H580" s="250"/>
      <c r="I580" s="251"/>
      <c r="J580" s="250"/>
      <c r="K580" s="252"/>
      <c r="L580" s="224">
        <v>1.6506189821182942</v>
      </c>
    </row>
    <row r="581" spans="1:12" x14ac:dyDescent="0.15">
      <c r="A581" s="223" t="s">
        <v>41</v>
      </c>
      <c r="B581" s="241" t="s">
        <v>42</v>
      </c>
      <c r="C581" s="253">
        <v>16</v>
      </c>
      <c r="D581" s="250">
        <v>61.53846153846154</v>
      </c>
      <c r="E581" s="254">
        <v>10</v>
      </c>
      <c r="F581" s="250">
        <v>38.461538461538467</v>
      </c>
      <c r="G581" s="247" t="s">
        <v>412</v>
      </c>
      <c r="H581" s="250"/>
      <c r="I581" s="254" t="s">
        <v>412</v>
      </c>
      <c r="J581" s="250"/>
      <c r="K581" s="255">
        <v>26</v>
      </c>
      <c r="L581" s="224">
        <v>100</v>
      </c>
    </row>
    <row r="582" spans="1:12" x14ac:dyDescent="0.15">
      <c r="A582" s="221"/>
      <c r="B582" s="239"/>
      <c r="C582" s="249"/>
      <c r="D582" s="250">
        <v>4.1666666666666661</v>
      </c>
      <c r="E582" s="251"/>
      <c r="F582" s="250">
        <v>4.2016806722689077</v>
      </c>
      <c r="G582" s="251"/>
      <c r="H582" s="250"/>
      <c r="I582" s="251"/>
      <c r="J582" s="250"/>
      <c r="K582" s="252"/>
      <c r="L582" s="224">
        <v>3.5763411279229711</v>
      </c>
    </row>
    <row r="583" spans="1:12" x14ac:dyDescent="0.15">
      <c r="A583" s="223" t="s">
        <v>372</v>
      </c>
      <c r="B583" s="240" t="s">
        <v>44</v>
      </c>
      <c r="C583" s="253">
        <v>44</v>
      </c>
      <c r="D583" s="250">
        <v>80</v>
      </c>
      <c r="E583" s="254">
        <v>11</v>
      </c>
      <c r="F583" s="250">
        <v>20</v>
      </c>
      <c r="G583" s="247" t="s">
        <v>412</v>
      </c>
      <c r="H583" s="250"/>
      <c r="I583" s="254" t="s">
        <v>412</v>
      </c>
      <c r="J583" s="250"/>
      <c r="K583" s="255">
        <v>55</v>
      </c>
      <c r="L583" s="224">
        <v>100</v>
      </c>
    </row>
    <row r="584" spans="1:12" x14ac:dyDescent="0.15">
      <c r="A584" s="221"/>
      <c r="B584" s="239"/>
      <c r="C584" s="249"/>
      <c r="D584" s="250">
        <v>11.458333333333332</v>
      </c>
      <c r="E584" s="251"/>
      <c r="F584" s="250">
        <v>4.6218487394957988</v>
      </c>
      <c r="G584" s="251"/>
      <c r="H584" s="250"/>
      <c r="I584" s="251"/>
      <c r="J584" s="250"/>
      <c r="K584" s="252"/>
      <c r="L584" s="224">
        <v>7.5653370013755161</v>
      </c>
    </row>
    <row r="585" spans="1:12" x14ac:dyDescent="0.15">
      <c r="A585" s="223" t="s">
        <v>45</v>
      </c>
      <c r="B585" s="240" t="s">
        <v>46</v>
      </c>
      <c r="C585" s="253">
        <v>19</v>
      </c>
      <c r="D585" s="250">
        <v>73.076923076923066</v>
      </c>
      <c r="E585" s="254" t="s">
        <v>413</v>
      </c>
      <c r="F585" s="250" t="s">
        <v>413</v>
      </c>
      <c r="G585" s="254" t="s">
        <v>413</v>
      </c>
      <c r="H585" s="250" t="s">
        <v>413</v>
      </c>
      <c r="I585" s="254" t="s">
        <v>412</v>
      </c>
      <c r="J585" s="250"/>
      <c r="K585" s="255">
        <v>26</v>
      </c>
      <c r="L585" s="224">
        <v>99.999999999999986</v>
      </c>
    </row>
    <row r="586" spans="1:12" x14ac:dyDescent="0.15">
      <c r="A586" s="221"/>
      <c r="B586" s="239"/>
      <c r="C586" s="249"/>
      <c r="D586" s="250">
        <v>4.9479166666666661</v>
      </c>
      <c r="E586" s="251"/>
      <c r="F586" s="250" t="s">
        <v>413</v>
      </c>
      <c r="G586" s="251"/>
      <c r="H586" s="250" t="s">
        <v>413</v>
      </c>
      <c r="I586" s="251"/>
      <c r="J586" s="250"/>
      <c r="K586" s="252"/>
      <c r="L586" s="224">
        <v>3.5763411279229711</v>
      </c>
    </row>
    <row r="587" spans="1:12" x14ac:dyDescent="0.15">
      <c r="A587" s="223" t="s">
        <v>47</v>
      </c>
      <c r="B587" s="240" t="s">
        <v>48</v>
      </c>
      <c r="C587" s="253">
        <v>19</v>
      </c>
      <c r="D587" s="250">
        <v>44.186046511627907</v>
      </c>
      <c r="E587" s="254">
        <v>17</v>
      </c>
      <c r="F587" s="250">
        <v>39.534883720930232</v>
      </c>
      <c r="G587" s="254">
        <v>7</v>
      </c>
      <c r="H587" s="250">
        <v>16.279069767441861</v>
      </c>
      <c r="I587" s="254" t="s">
        <v>412</v>
      </c>
      <c r="J587" s="250"/>
      <c r="K587" s="255">
        <v>43</v>
      </c>
      <c r="L587" s="224">
        <v>100</v>
      </c>
    </row>
    <row r="588" spans="1:12" x14ac:dyDescent="0.15">
      <c r="A588" s="221"/>
      <c r="B588" s="239"/>
      <c r="C588" s="249"/>
      <c r="D588" s="250">
        <v>4.9479166666666661</v>
      </c>
      <c r="E588" s="251"/>
      <c r="F588" s="250">
        <v>7.1428571428571423</v>
      </c>
      <c r="G588" s="251"/>
      <c r="H588" s="250">
        <v>8.3333333333333321</v>
      </c>
      <c r="I588" s="251"/>
      <c r="J588" s="250"/>
      <c r="K588" s="252"/>
      <c r="L588" s="224">
        <v>5.9147180192572213</v>
      </c>
    </row>
    <row r="589" spans="1:12" x14ac:dyDescent="0.15">
      <c r="A589" s="223" t="s">
        <v>49</v>
      </c>
      <c r="B589" s="240" t="s">
        <v>50</v>
      </c>
      <c r="C589" s="253">
        <v>75</v>
      </c>
      <c r="D589" s="250">
        <v>45.731707317073173</v>
      </c>
      <c r="E589" s="254">
        <v>55</v>
      </c>
      <c r="F589" s="250">
        <v>33.536585365853661</v>
      </c>
      <c r="G589" s="254">
        <v>24</v>
      </c>
      <c r="H589" s="250">
        <v>14.634146341463413</v>
      </c>
      <c r="I589" s="254">
        <v>10</v>
      </c>
      <c r="J589" s="250">
        <v>6.0975609756097562</v>
      </c>
      <c r="K589" s="255">
        <v>164</v>
      </c>
      <c r="L589" s="224">
        <v>100</v>
      </c>
    </row>
    <row r="590" spans="1:12" x14ac:dyDescent="0.15">
      <c r="A590" s="219"/>
      <c r="B590" s="242"/>
      <c r="C590" s="249"/>
      <c r="D590" s="250">
        <v>19.53125</v>
      </c>
      <c r="E590" s="251"/>
      <c r="F590" s="250">
        <v>23.109243697478991</v>
      </c>
      <c r="G590" s="251"/>
      <c r="H590" s="250">
        <v>28.571428571428569</v>
      </c>
      <c r="I590" s="251"/>
      <c r="J590" s="250">
        <v>47.619047619047613</v>
      </c>
      <c r="K590" s="252"/>
      <c r="L590" s="224">
        <v>22.558459422283356</v>
      </c>
    </row>
    <row r="591" spans="1:12" x14ac:dyDescent="0.15">
      <c r="A591" s="223" t="s">
        <v>51</v>
      </c>
      <c r="B591" s="240" t="s">
        <v>52</v>
      </c>
      <c r="C591" s="253">
        <v>9</v>
      </c>
      <c r="D591" s="250">
        <v>60</v>
      </c>
      <c r="E591" s="254" t="s">
        <v>413</v>
      </c>
      <c r="F591" s="250" t="s">
        <v>413</v>
      </c>
      <c r="G591" s="254" t="s">
        <v>413</v>
      </c>
      <c r="H591" s="250" t="s">
        <v>413</v>
      </c>
      <c r="I591" s="254" t="s">
        <v>412</v>
      </c>
      <c r="J591" s="250"/>
      <c r="K591" s="255">
        <v>15</v>
      </c>
      <c r="L591" s="224">
        <v>100</v>
      </c>
    </row>
    <row r="592" spans="1:12" x14ac:dyDescent="0.15">
      <c r="A592" s="221"/>
      <c r="B592" s="239"/>
      <c r="C592" s="249"/>
      <c r="D592" s="250">
        <v>2.34375</v>
      </c>
      <c r="E592" s="251"/>
      <c r="F592" s="250" t="s">
        <v>413</v>
      </c>
      <c r="G592" s="251"/>
      <c r="H592" s="250" t="s">
        <v>413</v>
      </c>
      <c r="I592" s="251"/>
      <c r="J592" s="250"/>
      <c r="K592" s="252"/>
      <c r="L592" s="224">
        <v>2.0632737276478679</v>
      </c>
    </row>
    <row r="593" spans="1:17" x14ac:dyDescent="0.15">
      <c r="A593" s="223" t="s">
        <v>53</v>
      </c>
      <c r="B593" s="240" t="s">
        <v>54</v>
      </c>
      <c r="C593" s="253">
        <v>39</v>
      </c>
      <c r="D593" s="250">
        <v>50</v>
      </c>
      <c r="E593" s="254">
        <v>30</v>
      </c>
      <c r="F593" s="250">
        <v>38.461538461538467</v>
      </c>
      <c r="G593" s="254" t="s">
        <v>413</v>
      </c>
      <c r="H593" s="250" t="s">
        <v>413</v>
      </c>
      <c r="I593" s="254" t="s">
        <v>413</v>
      </c>
      <c r="J593" s="250" t="s">
        <v>413</v>
      </c>
      <c r="K593" s="255">
        <v>78</v>
      </c>
      <c r="L593" s="224">
        <v>100.00000000000001</v>
      </c>
    </row>
    <row r="594" spans="1:17" x14ac:dyDescent="0.15">
      <c r="A594" s="221" t="s">
        <v>373</v>
      </c>
      <c r="B594" s="239"/>
      <c r="C594" s="249"/>
      <c r="D594" s="250">
        <v>10.15625</v>
      </c>
      <c r="E594" s="251"/>
      <c r="F594" s="250">
        <v>12.605042016806722</v>
      </c>
      <c r="G594" s="251"/>
      <c r="H594" s="250" t="s">
        <v>413</v>
      </c>
      <c r="I594" s="251"/>
      <c r="J594" s="250" t="s">
        <v>413</v>
      </c>
      <c r="K594" s="252"/>
      <c r="L594" s="224">
        <v>10.729023383768913</v>
      </c>
    </row>
    <row r="595" spans="1:17" x14ac:dyDescent="0.15">
      <c r="A595" s="219"/>
      <c r="B595" s="242" t="s">
        <v>374</v>
      </c>
      <c r="C595" s="253">
        <v>384</v>
      </c>
      <c r="D595" s="250">
        <v>52.819807427785413</v>
      </c>
      <c r="E595" s="254">
        <v>238</v>
      </c>
      <c r="F595" s="250">
        <v>32.737276478679505</v>
      </c>
      <c r="G595" s="254">
        <v>84</v>
      </c>
      <c r="H595" s="250">
        <v>11.554332874828061</v>
      </c>
      <c r="I595" s="254">
        <v>21</v>
      </c>
      <c r="J595" s="250">
        <v>2.8885832187070153</v>
      </c>
      <c r="K595" s="255">
        <v>727</v>
      </c>
      <c r="L595" s="224">
        <v>100</v>
      </c>
    </row>
    <row r="596" spans="1:17" ht="14.25" thickBot="1" x14ac:dyDescent="0.2">
      <c r="A596" s="226"/>
      <c r="B596" s="243"/>
      <c r="C596" s="258"/>
      <c r="D596" s="259">
        <v>100</v>
      </c>
      <c r="E596" s="260"/>
      <c r="F596" s="259">
        <v>100</v>
      </c>
      <c r="G596" s="260"/>
      <c r="H596" s="259">
        <v>100</v>
      </c>
      <c r="I596" s="260"/>
      <c r="J596" s="259">
        <v>100</v>
      </c>
      <c r="K596" s="261"/>
      <c r="L596" s="269">
        <v>100</v>
      </c>
    </row>
    <row r="597" spans="1:17" x14ac:dyDescent="0.15">
      <c r="A597" s="244" t="s">
        <v>58</v>
      </c>
      <c r="B597" s="244"/>
      <c r="C597" s="244"/>
      <c r="D597" s="244"/>
      <c r="E597" s="244"/>
      <c r="F597" s="244"/>
      <c r="G597" s="244"/>
      <c r="H597" s="244"/>
      <c r="I597" s="244"/>
      <c r="J597" s="244"/>
      <c r="K597" s="244"/>
      <c r="L597" s="244"/>
    </row>
    <row r="598" spans="1:17" x14ac:dyDescent="0.15">
      <c r="A598" s="244"/>
      <c r="B598" s="244"/>
      <c r="C598" s="244"/>
      <c r="D598" s="244"/>
      <c r="E598" s="244"/>
      <c r="F598" s="244"/>
      <c r="G598" s="244"/>
      <c r="H598" s="244"/>
      <c r="I598" s="244"/>
      <c r="J598" s="244"/>
      <c r="K598" s="244"/>
      <c r="L598" s="244"/>
    </row>
    <row r="599" spans="1:17" x14ac:dyDescent="0.15">
      <c r="A599" s="244"/>
      <c r="B599" s="244"/>
      <c r="C599" s="244"/>
      <c r="D599" s="244"/>
      <c r="E599" s="244"/>
      <c r="F599" s="244"/>
      <c r="G599" s="244"/>
      <c r="H599" s="244"/>
      <c r="I599" s="244"/>
      <c r="J599" s="244"/>
      <c r="K599" s="244"/>
      <c r="L599" s="244"/>
    </row>
    <row r="600" spans="1:17" x14ac:dyDescent="0.15">
      <c r="A600" s="1" t="s">
        <v>375</v>
      </c>
    </row>
    <row r="601" spans="1:17" ht="14.25" thickBot="1" x14ac:dyDescent="0.2">
      <c r="Q601" s="1" t="s">
        <v>60</v>
      </c>
    </row>
    <row r="602" spans="1:17" x14ac:dyDescent="0.15">
      <c r="A602" s="4"/>
      <c r="B602" s="32" t="s">
        <v>15</v>
      </c>
      <c r="C602" s="33" t="s">
        <v>16</v>
      </c>
      <c r="D602" s="33"/>
      <c r="E602" s="33"/>
      <c r="F602" s="6" t="s">
        <v>17</v>
      </c>
      <c r="G602" s="33"/>
      <c r="H602" s="33"/>
      <c r="I602" s="6" t="s">
        <v>18</v>
      </c>
      <c r="J602" s="33"/>
      <c r="K602" s="33"/>
      <c r="L602" s="6" t="s">
        <v>1</v>
      </c>
      <c r="M602" s="33"/>
      <c r="N602" s="33"/>
      <c r="O602" s="6" t="s">
        <v>19</v>
      </c>
      <c r="P602" s="33"/>
      <c r="Q602" s="7"/>
    </row>
    <row r="603" spans="1:17" ht="14.25" thickBot="1" x14ac:dyDescent="0.2">
      <c r="A603" s="8" t="s">
        <v>20</v>
      </c>
      <c r="B603" s="28"/>
      <c r="C603" s="2"/>
      <c r="D603" s="35" t="s">
        <v>62</v>
      </c>
      <c r="E603" s="35" t="s">
        <v>63</v>
      </c>
      <c r="F603" s="2"/>
      <c r="G603" s="35" t="s">
        <v>62</v>
      </c>
      <c r="H603" s="35" t="s">
        <v>63</v>
      </c>
      <c r="I603" s="2"/>
      <c r="J603" s="35" t="s">
        <v>62</v>
      </c>
      <c r="K603" s="35" t="s">
        <v>63</v>
      </c>
      <c r="L603" s="2"/>
      <c r="M603" s="35" t="s">
        <v>62</v>
      </c>
      <c r="N603" s="35" t="s">
        <v>63</v>
      </c>
      <c r="O603" s="2"/>
      <c r="P603" s="35" t="s">
        <v>62</v>
      </c>
      <c r="Q603" s="36" t="s">
        <v>63</v>
      </c>
    </row>
    <row r="604" spans="1:17" ht="37.5" customHeight="1" x14ac:dyDescent="0.15">
      <c r="A604" s="37" t="s">
        <v>22</v>
      </c>
      <c r="B604" s="38" t="s">
        <v>23</v>
      </c>
      <c r="C604" s="273">
        <v>5</v>
      </c>
      <c r="D604" s="274">
        <v>2</v>
      </c>
      <c r="E604" s="274">
        <v>3</v>
      </c>
      <c r="F604" s="275" t="s">
        <v>409</v>
      </c>
      <c r="G604" s="274"/>
      <c r="H604" s="274"/>
      <c r="I604" s="275" t="s">
        <v>409</v>
      </c>
      <c r="J604" s="274"/>
      <c r="K604" s="274"/>
      <c r="L604" s="275" t="s">
        <v>409</v>
      </c>
      <c r="M604" s="274"/>
      <c r="N604" s="274"/>
      <c r="O604" s="276">
        <v>5</v>
      </c>
      <c r="P604" s="277">
        <v>2</v>
      </c>
      <c r="Q604" s="278">
        <v>3</v>
      </c>
    </row>
    <row r="605" spans="1:17" ht="37.5" customHeight="1" x14ac:dyDescent="0.15">
      <c r="A605" s="39" t="s">
        <v>24</v>
      </c>
      <c r="B605" s="40" t="s">
        <v>25</v>
      </c>
      <c r="C605" s="270">
        <v>32</v>
      </c>
      <c r="D605" s="271">
        <v>18</v>
      </c>
      <c r="E605" s="271">
        <v>14</v>
      </c>
      <c r="F605" s="279">
        <v>28</v>
      </c>
      <c r="G605" s="280">
        <v>14</v>
      </c>
      <c r="H605" s="280">
        <v>14</v>
      </c>
      <c r="I605" s="272">
        <v>86</v>
      </c>
      <c r="J605" s="271">
        <v>72</v>
      </c>
      <c r="K605" s="271">
        <v>14</v>
      </c>
      <c r="L605" s="272" t="s">
        <v>409</v>
      </c>
      <c r="M605" s="271"/>
      <c r="N605" s="271"/>
      <c r="O605" s="279">
        <v>146</v>
      </c>
      <c r="P605" s="280">
        <v>104</v>
      </c>
      <c r="Q605" s="281">
        <v>42</v>
      </c>
    </row>
    <row r="606" spans="1:17" ht="37.5" customHeight="1" x14ac:dyDescent="0.15">
      <c r="A606" s="39" t="s">
        <v>26</v>
      </c>
      <c r="B606" s="40" t="s">
        <v>27</v>
      </c>
      <c r="C606" s="270">
        <v>301</v>
      </c>
      <c r="D606" s="271">
        <v>90</v>
      </c>
      <c r="E606" s="271">
        <v>211</v>
      </c>
      <c r="F606" s="279">
        <v>237</v>
      </c>
      <c r="G606" s="280">
        <v>46</v>
      </c>
      <c r="H606" s="280">
        <v>191</v>
      </c>
      <c r="I606" s="279">
        <v>484</v>
      </c>
      <c r="J606" s="280">
        <v>82</v>
      </c>
      <c r="K606" s="280">
        <v>402</v>
      </c>
      <c r="L606" s="279">
        <v>54</v>
      </c>
      <c r="M606" s="280">
        <v>33</v>
      </c>
      <c r="N606" s="280">
        <v>21</v>
      </c>
      <c r="O606" s="279">
        <v>1076</v>
      </c>
      <c r="P606" s="280">
        <v>251</v>
      </c>
      <c r="Q606" s="281">
        <v>825</v>
      </c>
    </row>
    <row r="607" spans="1:17" ht="37.5" customHeight="1" x14ac:dyDescent="0.15">
      <c r="A607" s="39" t="s">
        <v>28</v>
      </c>
      <c r="B607" s="43" t="s">
        <v>65</v>
      </c>
      <c r="C607" s="270" t="s">
        <v>413</v>
      </c>
      <c r="D607" s="271" t="s">
        <v>413</v>
      </c>
      <c r="E607" s="271" t="s">
        <v>413</v>
      </c>
      <c r="F607" s="272" t="s">
        <v>413</v>
      </c>
      <c r="G607" s="271" t="s">
        <v>413</v>
      </c>
      <c r="H607" s="271" t="s">
        <v>413</v>
      </c>
      <c r="I607" s="272" t="s">
        <v>409</v>
      </c>
      <c r="J607" s="271"/>
      <c r="K607" s="271"/>
      <c r="L607" s="272" t="s">
        <v>409</v>
      </c>
      <c r="M607" s="271"/>
      <c r="N607" s="271"/>
      <c r="O607" s="279">
        <v>6</v>
      </c>
      <c r="P607" s="280">
        <v>3</v>
      </c>
      <c r="Q607" s="281">
        <v>3</v>
      </c>
    </row>
    <row r="608" spans="1:17" ht="37.5" customHeight="1" x14ac:dyDescent="0.15">
      <c r="A608" s="39" t="s">
        <v>66</v>
      </c>
      <c r="B608" s="40" t="s">
        <v>32</v>
      </c>
      <c r="C608" s="270">
        <v>23</v>
      </c>
      <c r="D608" s="271">
        <v>0</v>
      </c>
      <c r="E608" s="271">
        <v>23</v>
      </c>
      <c r="F608" s="272">
        <v>44</v>
      </c>
      <c r="G608" s="271">
        <v>8</v>
      </c>
      <c r="H608" s="271">
        <v>36</v>
      </c>
      <c r="I608" s="272" t="s">
        <v>413</v>
      </c>
      <c r="J608" s="271" t="s">
        <v>413</v>
      </c>
      <c r="K608" s="271" t="s">
        <v>413</v>
      </c>
      <c r="L608" s="272" t="s">
        <v>413</v>
      </c>
      <c r="M608" s="271" t="s">
        <v>413</v>
      </c>
      <c r="N608" s="271" t="s">
        <v>413</v>
      </c>
      <c r="O608" s="279">
        <v>98</v>
      </c>
      <c r="P608" s="280">
        <v>18</v>
      </c>
      <c r="Q608" s="281">
        <v>80</v>
      </c>
    </row>
    <row r="609" spans="1:23" ht="37.5" customHeight="1" x14ac:dyDescent="0.15">
      <c r="A609" s="39" t="s">
        <v>33</v>
      </c>
      <c r="B609" s="40" t="s">
        <v>34</v>
      </c>
      <c r="C609" s="270">
        <v>174</v>
      </c>
      <c r="D609" s="271">
        <v>125</v>
      </c>
      <c r="E609" s="271">
        <v>49</v>
      </c>
      <c r="F609" s="279">
        <v>375</v>
      </c>
      <c r="G609" s="280">
        <v>286</v>
      </c>
      <c r="H609" s="280">
        <v>89</v>
      </c>
      <c r="I609" s="272">
        <v>117</v>
      </c>
      <c r="J609" s="271">
        <v>56</v>
      </c>
      <c r="K609" s="271">
        <v>61</v>
      </c>
      <c r="L609" s="272">
        <v>70</v>
      </c>
      <c r="M609" s="271">
        <v>29</v>
      </c>
      <c r="N609" s="271">
        <v>41</v>
      </c>
      <c r="O609" s="279">
        <v>736</v>
      </c>
      <c r="P609" s="280">
        <v>496</v>
      </c>
      <c r="Q609" s="281">
        <v>240</v>
      </c>
    </row>
    <row r="610" spans="1:23" ht="37.5" customHeight="1" x14ac:dyDescent="0.15">
      <c r="A610" s="39" t="s">
        <v>35</v>
      </c>
      <c r="B610" s="40" t="s">
        <v>36</v>
      </c>
      <c r="C610" s="270">
        <v>774</v>
      </c>
      <c r="D610" s="271">
        <v>139</v>
      </c>
      <c r="E610" s="271">
        <v>635</v>
      </c>
      <c r="F610" s="272">
        <v>692</v>
      </c>
      <c r="G610" s="271">
        <v>161</v>
      </c>
      <c r="H610" s="271">
        <v>531</v>
      </c>
      <c r="I610" s="272">
        <v>629</v>
      </c>
      <c r="J610" s="271">
        <v>180</v>
      </c>
      <c r="K610" s="271">
        <v>449</v>
      </c>
      <c r="L610" s="272" t="s">
        <v>409</v>
      </c>
      <c r="M610" s="271"/>
      <c r="N610" s="271"/>
      <c r="O610" s="279">
        <v>2095</v>
      </c>
      <c r="P610" s="280">
        <v>480</v>
      </c>
      <c r="Q610" s="281">
        <v>1615</v>
      </c>
    </row>
    <row r="611" spans="1:23" ht="37.5" customHeight="1" x14ac:dyDescent="0.15">
      <c r="A611" s="39" t="s">
        <v>37</v>
      </c>
      <c r="B611" s="40" t="s">
        <v>67</v>
      </c>
      <c r="C611" s="270">
        <v>184</v>
      </c>
      <c r="D611" s="280">
        <v>2</v>
      </c>
      <c r="E611" s="280">
        <v>182</v>
      </c>
      <c r="F611" s="279" t="s">
        <v>413</v>
      </c>
      <c r="G611" s="280" t="s">
        <v>413</v>
      </c>
      <c r="H611" s="280" t="s">
        <v>413</v>
      </c>
      <c r="I611" s="272" t="s">
        <v>409</v>
      </c>
      <c r="J611" s="280"/>
      <c r="K611" s="280"/>
      <c r="L611" s="279" t="s">
        <v>413</v>
      </c>
      <c r="M611" s="280" t="s">
        <v>413</v>
      </c>
      <c r="N611" s="280" t="s">
        <v>413</v>
      </c>
      <c r="O611" s="279">
        <v>479</v>
      </c>
      <c r="P611" s="280">
        <v>28</v>
      </c>
      <c r="Q611" s="281">
        <v>451</v>
      </c>
    </row>
    <row r="612" spans="1:23" ht="37.5" customHeight="1" x14ac:dyDescent="0.15">
      <c r="A612" s="39" t="s">
        <v>39</v>
      </c>
      <c r="B612" s="40" t="s">
        <v>40</v>
      </c>
      <c r="C612" s="270" t="s">
        <v>413</v>
      </c>
      <c r="D612" s="280" t="s">
        <v>413</v>
      </c>
      <c r="E612" s="280" t="s">
        <v>413</v>
      </c>
      <c r="F612" s="279" t="s">
        <v>413</v>
      </c>
      <c r="G612" s="280" t="s">
        <v>413</v>
      </c>
      <c r="H612" s="280" t="s">
        <v>413</v>
      </c>
      <c r="I612" s="272" t="s">
        <v>409</v>
      </c>
      <c r="J612" s="280"/>
      <c r="K612" s="280"/>
      <c r="L612" s="272" t="s">
        <v>409</v>
      </c>
      <c r="M612" s="280"/>
      <c r="N612" s="280"/>
      <c r="O612" s="279">
        <v>43</v>
      </c>
      <c r="P612" s="280">
        <v>19</v>
      </c>
      <c r="Q612" s="281">
        <v>24</v>
      </c>
    </row>
    <row r="613" spans="1:23" ht="37.5" customHeight="1" x14ac:dyDescent="0.15">
      <c r="A613" s="39" t="s">
        <v>41</v>
      </c>
      <c r="B613" s="44" t="s">
        <v>42</v>
      </c>
      <c r="C613" s="270">
        <v>54</v>
      </c>
      <c r="D613" s="280">
        <v>12</v>
      </c>
      <c r="E613" s="280">
        <v>42</v>
      </c>
      <c r="F613" s="279">
        <v>49</v>
      </c>
      <c r="G613" s="280">
        <v>13</v>
      </c>
      <c r="H613" s="280">
        <v>36</v>
      </c>
      <c r="I613" s="272" t="s">
        <v>409</v>
      </c>
      <c r="J613" s="280"/>
      <c r="K613" s="280"/>
      <c r="L613" s="272" t="s">
        <v>409</v>
      </c>
      <c r="M613" s="280"/>
      <c r="N613" s="280"/>
      <c r="O613" s="279">
        <v>103</v>
      </c>
      <c r="P613" s="280">
        <v>25</v>
      </c>
      <c r="Q613" s="281">
        <v>78</v>
      </c>
    </row>
    <row r="614" spans="1:23" ht="37.5" customHeight="1" x14ac:dyDescent="0.15">
      <c r="A614" s="39" t="s">
        <v>68</v>
      </c>
      <c r="B614" s="40" t="s">
        <v>44</v>
      </c>
      <c r="C614" s="270">
        <v>845</v>
      </c>
      <c r="D614" s="280">
        <v>237</v>
      </c>
      <c r="E614" s="280">
        <v>608</v>
      </c>
      <c r="F614" s="279">
        <v>473</v>
      </c>
      <c r="G614" s="280">
        <v>166</v>
      </c>
      <c r="H614" s="280">
        <v>307</v>
      </c>
      <c r="I614" s="272" t="s">
        <v>409</v>
      </c>
      <c r="J614" s="280"/>
      <c r="K614" s="280"/>
      <c r="L614" s="272" t="s">
        <v>409</v>
      </c>
      <c r="M614" s="280"/>
      <c r="N614" s="280"/>
      <c r="O614" s="279">
        <v>1318</v>
      </c>
      <c r="P614" s="280">
        <v>403</v>
      </c>
      <c r="Q614" s="281">
        <v>915</v>
      </c>
    </row>
    <row r="615" spans="1:23" ht="37.5" customHeight="1" x14ac:dyDescent="0.15">
      <c r="A615" s="39" t="s">
        <v>69</v>
      </c>
      <c r="B615" s="40" t="s">
        <v>46</v>
      </c>
      <c r="C615" s="270">
        <v>267</v>
      </c>
      <c r="D615" s="280">
        <v>58</v>
      </c>
      <c r="E615" s="280">
        <v>209</v>
      </c>
      <c r="F615" s="279" t="s">
        <v>413</v>
      </c>
      <c r="G615" s="280" t="s">
        <v>413</v>
      </c>
      <c r="H615" s="280" t="s">
        <v>413</v>
      </c>
      <c r="I615" s="279" t="s">
        <v>413</v>
      </c>
      <c r="J615" s="280" t="s">
        <v>413</v>
      </c>
      <c r="K615" s="280" t="s">
        <v>413</v>
      </c>
      <c r="L615" s="272" t="s">
        <v>409</v>
      </c>
      <c r="M615" s="280"/>
      <c r="N615" s="280"/>
      <c r="O615" s="279">
        <v>430</v>
      </c>
      <c r="P615" s="280">
        <v>72</v>
      </c>
      <c r="Q615" s="281">
        <v>358</v>
      </c>
    </row>
    <row r="616" spans="1:23" ht="37.5" customHeight="1" x14ac:dyDescent="0.15">
      <c r="A616" s="39" t="s">
        <v>70</v>
      </c>
      <c r="B616" s="40" t="s">
        <v>48</v>
      </c>
      <c r="C616" s="270">
        <v>119</v>
      </c>
      <c r="D616" s="280">
        <v>54</v>
      </c>
      <c r="E616" s="280">
        <v>65</v>
      </c>
      <c r="F616" s="279">
        <v>198</v>
      </c>
      <c r="G616" s="280">
        <v>81</v>
      </c>
      <c r="H616" s="280">
        <v>117</v>
      </c>
      <c r="I616" s="279">
        <v>380</v>
      </c>
      <c r="J616" s="280">
        <v>102</v>
      </c>
      <c r="K616" s="280">
        <v>278</v>
      </c>
      <c r="L616" s="272" t="s">
        <v>409</v>
      </c>
      <c r="M616" s="280"/>
      <c r="N616" s="280"/>
      <c r="O616" s="279">
        <v>697</v>
      </c>
      <c r="P616" s="280">
        <v>237</v>
      </c>
      <c r="Q616" s="281">
        <v>460</v>
      </c>
    </row>
    <row r="617" spans="1:23" ht="37.5" customHeight="1" x14ac:dyDescent="0.15">
      <c r="A617" s="39" t="s">
        <v>71</v>
      </c>
      <c r="B617" s="40" t="s">
        <v>50</v>
      </c>
      <c r="C617" s="270">
        <v>637</v>
      </c>
      <c r="D617" s="280">
        <v>113</v>
      </c>
      <c r="E617" s="280">
        <v>524</v>
      </c>
      <c r="F617" s="279">
        <v>1082</v>
      </c>
      <c r="G617" s="280">
        <v>244</v>
      </c>
      <c r="H617" s="280">
        <v>838</v>
      </c>
      <c r="I617" s="279">
        <v>736</v>
      </c>
      <c r="J617" s="280">
        <v>211</v>
      </c>
      <c r="K617" s="280">
        <v>525</v>
      </c>
      <c r="L617" s="279">
        <v>694</v>
      </c>
      <c r="M617" s="280">
        <v>58</v>
      </c>
      <c r="N617" s="280">
        <v>636</v>
      </c>
      <c r="O617" s="279">
        <v>3149</v>
      </c>
      <c r="P617" s="280">
        <v>626</v>
      </c>
      <c r="Q617" s="281">
        <v>2523</v>
      </c>
    </row>
    <row r="618" spans="1:23" ht="37.5" customHeight="1" x14ac:dyDescent="0.15">
      <c r="A618" s="39" t="s">
        <v>72</v>
      </c>
      <c r="B618" s="40" t="s">
        <v>52</v>
      </c>
      <c r="C618" s="270">
        <v>18</v>
      </c>
      <c r="D618" s="280">
        <v>8</v>
      </c>
      <c r="E618" s="280">
        <v>10</v>
      </c>
      <c r="F618" s="279" t="s">
        <v>413</v>
      </c>
      <c r="G618" s="280" t="s">
        <v>413</v>
      </c>
      <c r="H618" s="280" t="s">
        <v>413</v>
      </c>
      <c r="I618" s="279" t="s">
        <v>413</v>
      </c>
      <c r="J618" s="280" t="s">
        <v>413</v>
      </c>
      <c r="K618" s="280" t="s">
        <v>413</v>
      </c>
      <c r="L618" s="272" t="s">
        <v>409</v>
      </c>
      <c r="M618" s="280"/>
      <c r="N618" s="280"/>
      <c r="O618" s="279">
        <v>83</v>
      </c>
      <c r="P618" s="280">
        <v>27</v>
      </c>
      <c r="Q618" s="281">
        <v>56</v>
      </c>
    </row>
    <row r="619" spans="1:23" ht="37.5" customHeight="1" x14ac:dyDescent="0.15">
      <c r="A619" s="21" t="s">
        <v>53</v>
      </c>
      <c r="B619" s="215" t="s">
        <v>376</v>
      </c>
      <c r="C619" s="282">
        <v>621</v>
      </c>
      <c r="D619" s="283">
        <v>231</v>
      </c>
      <c r="E619" s="283">
        <v>390</v>
      </c>
      <c r="F619" s="284">
        <v>577</v>
      </c>
      <c r="G619" s="283">
        <v>211</v>
      </c>
      <c r="H619" s="283">
        <v>366</v>
      </c>
      <c r="I619" s="284" t="s">
        <v>413</v>
      </c>
      <c r="J619" s="283" t="s">
        <v>413</v>
      </c>
      <c r="K619" s="283" t="s">
        <v>413</v>
      </c>
      <c r="L619" s="284" t="s">
        <v>413</v>
      </c>
      <c r="M619" s="283" t="s">
        <v>413</v>
      </c>
      <c r="N619" s="283" t="s">
        <v>413</v>
      </c>
      <c r="O619" s="284">
        <v>1631</v>
      </c>
      <c r="P619" s="283">
        <v>561</v>
      </c>
      <c r="Q619" s="285">
        <v>1070</v>
      </c>
    </row>
    <row r="620" spans="1:23" ht="37.5" customHeight="1" thickBot="1" x14ac:dyDescent="0.2">
      <c r="A620" s="46" t="s">
        <v>19</v>
      </c>
      <c r="B620" s="47"/>
      <c r="C620" s="286">
        <v>4094</v>
      </c>
      <c r="D620" s="287">
        <v>1107</v>
      </c>
      <c r="E620" s="287">
        <v>2987</v>
      </c>
      <c r="F620" s="288">
        <v>3916</v>
      </c>
      <c r="G620" s="287">
        <v>1261</v>
      </c>
      <c r="H620" s="287">
        <v>2655</v>
      </c>
      <c r="I620" s="288">
        <v>2983</v>
      </c>
      <c r="J620" s="287">
        <v>849</v>
      </c>
      <c r="K620" s="287">
        <v>2134</v>
      </c>
      <c r="L620" s="288">
        <v>1102</v>
      </c>
      <c r="M620" s="287">
        <v>135</v>
      </c>
      <c r="N620" s="287">
        <v>967</v>
      </c>
      <c r="O620" s="288">
        <v>12095</v>
      </c>
      <c r="P620" s="287">
        <v>3352</v>
      </c>
      <c r="Q620" s="289">
        <v>8743</v>
      </c>
    </row>
    <row r="623" spans="1:23" x14ac:dyDescent="0.15">
      <c r="A623" s="1" t="s">
        <v>377</v>
      </c>
      <c r="F623" s="1" t="s">
        <v>430</v>
      </c>
    </row>
    <row r="624" spans="1:23" ht="14.25" thickBot="1" x14ac:dyDescent="0.2">
      <c r="W624" s="1" t="s">
        <v>75</v>
      </c>
    </row>
    <row r="625" spans="1:23" x14ac:dyDescent="0.15">
      <c r="A625" s="4"/>
      <c r="B625" s="32" t="s">
        <v>76</v>
      </c>
      <c r="C625" s="33"/>
      <c r="D625" s="37" t="s">
        <v>15</v>
      </c>
      <c r="E625" s="38"/>
      <c r="F625" s="38"/>
      <c r="G625" s="38"/>
      <c r="H625" s="37" t="s">
        <v>20</v>
      </c>
      <c r="I625" s="38"/>
      <c r="J625" s="38"/>
      <c r="K625" s="38"/>
      <c r="L625" s="38"/>
      <c r="M625" s="38"/>
      <c r="N625" s="38"/>
      <c r="O625" s="38"/>
      <c r="P625" s="38"/>
      <c r="Q625" s="38"/>
      <c r="R625" s="38"/>
      <c r="S625" s="38"/>
      <c r="T625" s="38"/>
      <c r="U625" s="38"/>
      <c r="V625" s="38"/>
      <c r="W625" s="48"/>
    </row>
    <row r="626" spans="1:23" ht="54.75" thickBot="1" x14ac:dyDescent="0.2">
      <c r="A626" s="8" t="s">
        <v>378</v>
      </c>
      <c r="B626" s="28"/>
      <c r="C626" s="49" t="s">
        <v>19</v>
      </c>
      <c r="D626" s="50" t="s">
        <v>16</v>
      </c>
      <c r="E626" s="51" t="s">
        <v>78</v>
      </c>
      <c r="F626" s="51" t="s">
        <v>79</v>
      </c>
      <c r="G626" s="52" t="s">
        <v>1</v>
      </c>
      <c r="H626" s="53" t="s">
        <v>2</v>
      </c>
      <c r="I626" s="11" t="s">
        <v>80</v>
      </c>
      <c r="J626" s="11" t="s">
        <v>3</v>
      </c>
      <c r="K626" s="54" t="s">
        <v>81</v>
      </c>
      <c r="L626" s="55" t="s">
        <v>4</v>
      </c>
      <c r="M626" s="56" t="s">
        <v>5</v>
      </c>
      <c r="N626" s="55" t="s">
        <v>82</v>
      </c>
      <c r="O626" s="55" t="s">
        <v>6</v>
      </c>
      <c r="P626" s="56" t="s">
        <v>7</v>
      </c>
      <c r="Q626" s="57" t="s">
        <v>8</v>
      </c>
      <c r="R626" s="56" t="s">
        <v>9</v>
      </c>
      <c r="S626" s="55" t="s">
        <v>10</v>
      </c>
      <c r="T626" s="55" t="s">
        <v>11</v>
      </c>
      <c r="U626" s="55" t="s">
        <v>12</v>
      </c>
      <c r="V626" s="58" t="s">
        <v>83</v>
      </c>
      <c r="W626" s="59" t="s">
        <v>13</v>
      </c>
    </row>
    <row r="627" spans="1:23" ht="33.75" customHeight="1" x14ac:dyDescent="0.15">
      <c r="A627" s="4" t="s">
        <v>234</v>
      </c>
      <c r="B627" s="38"/>
      <c r="C627" s="60">
        <v>89.886039886039882</v>
      </c>
      <c r="D627" s="60">
        <v>86.376021798365116</v>
      </c>
      <c r="E627" s="61">
        <v>92.703862660944196</v>
      </c>
      <c r="F627" s="61">
        <v>95.061728395061735</v>
      </c>
      <c r="G627" s="15">
        <v>100</v>
      </c>
      <c r="H627" s="62">
        <v>33.333333333333329</v>
      </c>
      <c r="I627" s="63">
        <v>90.625</v>
      </c>
      <c r="J627" s="63">
        <v>91.17647058823529</v>
      </c>
      <c r="K627" s="63">
        <v>100</v>
      </c>
      <c r="L627" s="63">
        <v>89.285714285714292</v>
      </c>
      <c r="M627" s="63">
        <v>84.482758620689651</v>
      </c>
      <c r="N627" s="63">
        <v>90.384615384615387</v>
      </c>
      <c r="O627" s="63">
        <v>100</v>
      </c>
      <c r="P627" s="63">
        <v>75</v>
      </c>
      <c r="Q627" s="63">
        <v>76.923076923076934</v>
      </c>
      <c r="R627" s="63">
        <v>92.307692307692307</v>
      </c>
      <c r="S627" s="63">
        <v>76.923076923076934</v>
      </c>
      <c r="T627" s="61">
        <v>90.476190476190482</v>
      </c>
      <c r="U627" s="61">
        <v>94.478527607361968</v>
      </c>
      <c r="V627" s="61">
        <v>92.857142857142861</v>
      </c>
      <c r="W627" s="15">
        <v>90.540540540540533</v>
      </c>
    </row>
    <row r="628" spans="1:23" ht="33.75" customHeight="1" x14ac:dyDescent="0.15">
      <c r="A628" s="13"/>
      <c r="B628" s="186" t="s">
        <v>379</v>
      </c>
      <c r="C628" s="103">
        <v>61.53846153846154</v>
      </c>
      <c r="D628" s="103">
        <v>55.313351498637594</v>
      </c>
      <c r="E628" s="73">
        <v>63.94849785407726</v>
      </c>
      <c r="F628" s="73">
        <v>74.074074074074076</v>
      </c>
      <c r="G628" s="25">
        <v>95.238095238095227</v>
      </c>
      <c r="H628" s="75">
        <v>33.333333333333329</v>
      </c>
      <c r="I628" s="18">
        <v>43.75</v>
      </c>
      <c r="J628" s="18">
        <v>59.803921568627452</v>
      </c>
      <c r="K628" s="18">
        <v>80</v>
      </c>
      <c r="L628" s="18">
        <v>57.142857142857139</v>
      </c>
      <c r="M628" s="18">
        <v>44.827586206896555</v>
      </c>
      <c r="N628" s="18">
        <v>61.53846153846154</v>
      </c>
      <c r="O628" s="18">
        <v>100</v>
      </c>
      <c r="P628" s="18">
        <v>58.333333333333336</v>
      </c>
      <c r="Q628" s="18">
        <v>46.153846153846153</v>
      </c>
      <c r="R628" s="18">
        <v>69.230769230769226</v>
      </c>
      <c r="S628" s="18">
        <v>30.76923076923077</v>
      </c>
      <c r="T628" s="18">
        <v>61.904761904761905</v>
      </c>
      <c r="U628" s="18">
        <v>74.846625766871171</v>
      </c>
      <c r="V628" s="18">
        <v>71.428571428571431</v>
      </c>
      <c r="W628" s="25">
        <v>59.45945945945946</v>
      </c>
    </row>
    <row r="629" spans="1:23" ht="33.75" customHeight="1" x14ac:dyDescent="0.15">
      <c r="A629" s="13"/>
      <c r="B629" s="186" t="s">
        <v>380</v>
      </c>
      <c r="C629" s="103">
        <v>10.3988603988604</v>
      </c>
      <c r="D629" s="103">
        <v>13.079019073569482</v>
      </c>
      <c r="E629" s="73">
        <v>8.1545064377682408</v>
      </c>
      <c r="F629" s="73">
        <v>6.1728395061728394</v>
      </c>
      <c r="G629" s="25">
        <v>4.7619047619047619</v>
      </c>
      <c r="H629" s="75">
        <v>0</v>
      </c>
      <c r="I629" s="18">
        <v>9.375</v>
      </c>
      <c r="J629" s="18">
        <v>10.784313725490197</v>
      </c>
      <c r="K629" s="18">
        <v>0</v>
      </c>
      <c r="L629" s="18">
        <v>3.5714285714285712</v>
      </c>
      <c r="M629" s="18">
        <v>5.1724137931034484</v>
      </c>
      <c r="N629" s="18">
        <v>17.307692307692307</v>
      </c>
      <c r="O629" s="18">
        <v>0</v>
      </c>
      <c r="P629" s="18">
        <v>0</v>
      </c>
      <c r="Q629" s="18">
        <v>3.8461538461538463</v>
      </c>
      <c r="R629" s="18">
        <v>15.384615384615385</v>
      </c>
      <c r="S629" s="18">
        <v>15.384615384615385</v>
      </c>
      <c r="T629" s="18">
        <v>4.7619047619047619</v>
      </c>
      <c r="U629" s="18">
        <v>13.496932515337424</v>
      </c>
      <c r="V629" s="18">
        <v>7.1428571428571423</v>
      </c>
      <c r="W629" s="25">
        <v>10.810810810810811</v>
      </c>
    </row>
    <row r="630" spans="1:23" ht="33.75" customHeight="1" x14ac:dyDescent="0.15">
      <c r="A630" s="17"/>
      <c r="B630" s="186" t="s">
        <v>381</v>
      </c>
      <c r="C630" s="103">
        <v>17.948717948717949</v>
      </c>
      <c r="D630" s="103">
        <v>17.983651226158038</v>
      </c>
      <c r="E630" s="73">
        <v>20.600858369098713</v>
      </c>
      <c r="F630" s="73">
        <v>14.814814814814813</v>
      </c>
      <c r="G630" s="25">
        <v>0</v>
      </c>
      <c r="H630" s="75">
        <v>0</v>
      </c>
      <c r="I630" s="18">
        <v>37.5</v>
      </c>
      <c r="J630" s="18">
        <v>20.588235294117645</v>
      </c>
      <c r="K630" s="18">
        <v>20</v>
      </c>
      <c r="L630" s="18">
        <v>28.571428571428569</v>
      </c>
      <c r="M630" s="18">
        <v>34.482758620689658</v>
      </c>
      <c r="N630" s="18">
        <v>11.538461538461538</v>
      </c>
      <c r="O630" s="18">
        <v>0</v>
      </c>
      <c r="P630" s="18">
        <v>16.666666666666664</v>
      </c>
      <c r="Q630" s="18">
        <v>26.923076923076923</v>
      </c>
      <c r="R630" s="18">
        <v>7.6923076923076925</v>
      </c>
      <c r="S630" s="18">
        <v>30.76923076923077</v>
      </c>
      <c r="T630" s="18">
        <v>23.809523809523807</v>
      </c>
      <c r="U630" s="18">
        <v>6.1349693251533743</v>
      </c>
      <c r="V630" s="18">
        <v>14.285714285714285</v>
      </c>
      <c r="W630" s="25">
        <v>20.27027027027027</v>
      </c>
    </row>
    <row r="631" spans="1:23" ht="33.75" customHeight="1" thickBot="1" x14ac:dyDescent="0.2">
      <c r="A631" s="46" t="s">
        <v>237</v>
      </c>
      <c r="B631" s="47"/>
      <c r="C631" s="64">
        <v>10.113960113960115</v>
      </c>
      <c r="D631" s="64">
        <v>13.623978201634879</v>
      </c>
      <c r="E631" s="65">
        <v>7.296137339055794</v>
      </c>
      <c r="F631" s="65">
        <v>4.9382716049382713</v>
      </c>
      <c r="G631" s="30">
        <v>0</v>
      </c>
      <c r="H631" s="66">
        <v>66.666666666666657</v>
      </c>
      <c r="I631" s="29">
        <v>9.375</v>
      </c>
      <c r="J631" s="29">
        <v>8.8235294117647065</v>
      </c>
      <c r="K631" s="29">
        <v>0</v>
      </c>
      <c r="L631" s="29">
        <v>10.714285714285714</v>
      </c>
      <c r="M631" s="29">
        <v>15.517241379310345</v>
      </c>
      <c r="N631" s="29">
        <v>9.6153846153846168</v>
      </c>
      <c r="O631" s="29">
        <v>0</v>
      </c>
      <c r="P631" s="29">
        <v>25</v>
      </c>
      <c r="Q631" s="29">
        <v>23.076923076923077</v>
      </c>
      <c r="R631" s="29">
        <v>7.6923076923076925</v>
      </c>
      <c r="S631" s="29">
        <v>23.076923076923077</v>
      </c>
      <c r="T631" s="65">
        <v>9.5238095238095237</v>
      </c>
      <c r="U631" s="65">
        <v>5.5214723926380369</v>
      </c>
      <c r="V631" s="65">
        <v>7.1428571428571423</v>
      </c>
      <c r="W631" s="30">
        <v>9.4594594594594597</v>
      </c>
    </row>
    <row r="634" spans="1:23" x14ac:dyDescent="0.15">
      <c r="A634" s="1" t="s">
        <v>382</v>
      </c>
      <c r="F634" s="1" t="s">
        <v>431</v>
      </c>
    </row>
    <row r="635" spans="1:23" ht="14.25" thickBot="1" x14ac:dyDescent="0.2">
      <c r="W635" s="1" t="s">
        <v>75</v>
      </c>
    </row>
    <row r="636" spans="1:23" x14ac:dyDescent="0.15">
      <c r="A636" s="4"/>
      <c r="B636" s="32" t="s">
        <v>76</v>
      </c>
      <c r="C636" s="33"/>
      <c r="D636" s="37" t="s">
        <v>15</v>
      </c>
      <c r="E636" s="38"/>
      <c r="F636" s="38"/>
      <c r="G636" s="38"/>
      <c r="H636" s="37" t="s">
        <v>20</v>
      </c>
      <c r="I636" s="38"/>
      <c r="J636" s="38"/>
      <c r="K636" s="38"/>
      <c r="L636" s="38"/>
      <c r="M636" s="38"/>
      <c r="N636" s="38"/>
      <c r="O636" s="38"/>
      <c r="P636" s="38"/>
      <c r="Q636" s="38"/>
      <c r="R636" s="38"/>
      <c r="S636" s="38"/>
      <c r="T636" s="38"/>
      <c r="U636" s="38"/>
      <c r="V636" s="38"/>
      <c r="W636" s="48"/>
    </row>
    <row r="637" spans="1:23" ht="54.75" thickBot="1" x14ac:dyDescent="0.2">
      <c r="A637" s="8" t="s">
        <v>378</v>
      </c>
      <c r="B637" s="28"/>
      <c r="C637" s="49" t="s">
        <v>19</v>
      </c>
      <c r="D637" s="50" t="s">
        <v>16</v>
      </c>
      <c r="E637" s="51" t="s">
        <v>78</v>
      </c>
      <c r="F637" s="51" t="s">
        <v>79</v>
      </c>
      <c r="G637" s="52" t="s">
        <v>1</v>
      </c>
      <c r="H637" s="53" t="s">
        <v>2</v>
      </c>
      <c r="I637" s="11" t="s">
        <v>80</v>
      </c>
      <c r="J637" s="11" t="s">
        <v>3</v>
      </c>
      <c r="K637" s="54" t="s">
        <v>81</v>
      </c>
      <c r="L637" s="55" t="s">
        <v>4</v>
      </c>
      <c r="M637" s="56" t="s">
        <v>5</v>
      </c>
      <c r="N637" s="55" t="s">
        <v>82</v>
      </c>
      <c r="O637" s="55" t="s">
        <v>6</v>
      </c>
      <c r="P637" s="56" t="s">
        <v>7</v>
      </c>
      <c r="Q637" s="57" t="s">
        <v>8</v>
      </c>
      <c r="R637" s="56" t="s">
        <v>9</v>
      </c>
      <c r="S637" s="55" t="s">
        <v>10</v>
      </c>
      <c r="T637" s="55" t="s">
        <v>11</v>
      </c>
      <c r="U637" s="55" t="s">
        <v>12</v>
      </c>
      <c r="V637" s="58" t="s">
        <v>83</v>
      </c>
      <c r="W637" s="59" t="s">
        <v>13</v>
      </c>
    </row>
    <row r="638" spans="1:23" ht="33.75" customHeight="1" x14ac:dyDescent="0.15">
      <c r="A638" s="4" t="s">
        <v>234</v>
      </c>
      <c r="B638" s="38"/>
      <c r="C638" s="60">
        <v>73.857142857142861</v>
      </c>
      <c r="D638" s="60">
        <v>67.934782608695656</v>
      </c>
      <c r="E638" s="61">
        <v>76.855895196506552</v>
      </c>
      <c r="F638" s="61">
        <v>85.365853658536579</v>
      </c>
      <c r="G638" s="15">
        <v>100</v>
      </c>
      <c r="H638" s="62">
        <v>33.333333333333329</v>
      </c>
      <c r="I638" s="63">
        <v>70.967741935483872</v>
      </c>
      <c r="J638" s="63">
        <v>69.696969696969703</v>
      </c>
      <c r="K638" s="63">
        <v>0</v>
      </c>
      <c r="L638" s="63">
        <v>85.714285714285708</v>
      </c>
      <c r="M638" s="63">
        <v>62.068965517241381</v>
      </c>
      <c r="N638" s="63">
        <v>84.905660377358487</v>
      </c>
      <c r="O638" s="63">
        <v>85.714285714285708</v>
      </c>
      <c r="P638" s="63">
        <v>50</v>
      </c>
      <c r="Q638" s="63">
        <v>53.846153846153847</v>
      </c>
      <c r="R638" s="63">
        <v>71.15384615384616</v>
      </c>
      <c r="S638" s="63">
        <v>61.53846153846154</v>
      </c>
      <c r="T638" s="61">
        <v>64.285714285714292</v>
      </c>
      <c r="U638" s="61">
        <v>86.50306748466258</v>
      </c>
      <c r="V638" s="61">
        <v>85.714285714285708</v>
      </c>
      <c r="W638" s="15">
        <v>73.333333333333329</v>
      </c>
    </row>
    <row r="639" spans="1:23" ht="33.75" customHeight="1" x14ac:dyDescent="0.15">
      <c r="A639" s="13"/>
      <c r="B639" s="186" t="s">
        <v>383</v>
      </c>
      <c r="C639" s="103">
        <v>70.142857142857139</v>
      </c>
      <c r="D639" s="103">
        <v>62.771739130434781</v>
      </c>
      <c r="E639" s="73">
        <v>75.109170305676855</v>
      </c>
      <c r="F639" s="73">
        <v>82.926829268292678</v>
      </c>
      <c r="G639" s="25">
        <v>95.238095238095227</v>
      </c>
      <c r="H639" s="75">
        <v>33.333333333333329</v>
      </c>
      <c r="I639" s="18">
        <v>70.967741935483872</v>
      </c>
      <c r="J639" s="18">
        <v>64.646464646464651</v>
      </c>
      <c r="K639" s="18">
        <v>0</v>
      </c>
      <c r="L639" s="18">
        <v>82.142857142857139</v>
      </c>
      <c r="M639" s="18">
        <v>56.896551724137936</v>
      </c>
      <c r="N639" s="18">
        <v>71.698113207547166</v>
      </c>
      <c r="O639" s="18">
        <v>78.571428571428569</v>
      </c>
      <c r="P639" s="18">
        <v>50</v>
      </c>
      <c r="Q639" s="18">
        <v>46.153846153846153</v>
      </c>
      <c r="R639" s="18">
        <v>71.15384615384616</v>
      </c>
      <c r="S639" s="18">
        <v>57.692307692307686</v>
      </c>
      <c r="T639" s="73">
        <v>64.285714285714292</v>
      </c>
      <c r="U639" s="73">
        <v>84.662576687116569</v>
      </c>
      <c r="V639" s="73">
        <v>78.571428571428569</v>
      </c>
      <c r="W639" s="25">
        <v>70.666666666666671</v>
      </c>
    </row>
    <row r="640" spans="1:23" ht="33.75" customHeight="1" x14ac:dyDescent="0.15">
      <c r="A640" s="13"/>
      <c r="B640" s="186" t="s">
        <v>384</v>
      </c>
      <c r="C640" s="103">
        <v>3</v>
      </c>
      <c r="D640" s="103">
        <v>3.804347826086957</v>
      </c>
      <c r="E640" s="73">
        <v>1.7467248908296942</v>
      </c>
      <c r="F640" s="73">
        <v>2.4390243902439024</v>
      </c>
      <c r="G640" s="25">
        <v>4.7619047619047619</v>
      </c>
      <c r="H640" s="75">
        <v>0</v>
      </c>
      <c r="I640" s="18">
        <v>0</v>
      </c>
      <c r="J640" s="18">
        <v>5.0505050505050502</v>
      </c>
      <c r="K640" s="18">
        <v>0</v>
      </c>
      <c r="L640" s="18">
        <v>3.5714285714285712</v>
      </c>
      <c r="M640" s="18">
        <v>3.4482758620689653</v>
      </c>
      <c r="N640" s="18">
        <v>13.20754716981132</v>
      </c>
      <c r="O640" s="18">
        <v>0</v>
      </c>
      <c r="P640" s="18">
        <v>0</v>
      </c>
      <c r="Q640" s="18">
        <v>0</v>
      </c>
      <c r="R640" s="18">
        <v>0</v>
      </c>
      <c r="S640" s="18">
        <v>3.8461538461538463</v>
      </c>
      <c r="T640" s="73">
        <v>0</v>
      </c>
      <c r="U640" s="73">
        <v>1.8404907975460123</v>
      </c>
      <c r="V640" s="73">
        <v>0</v>
      </c>
      <c r="W640" s="25">
        <v>2.666666666666667</v>
      </c>
    </row>
    <row r="641" spans="1:23" ht="33.75" customHeight="1" x14ac:dyDescent="0.15">
      <c r="A641" s="17"/>
      <c r="B641" s="186" t="s">
        <v>385</v>
      </c>
      <c r="C641" s="103">
        <v>0.7142857142857143</v>
      </c>
      <c r="D641" s="103">
        <v>1.3586956521739131</v>
      </c>
      <c r="E641" s="73">
        <v>0</v>
      </c>
      <c r="F641" s="73">
        <v>0</v>
      </c>
      <c r="G641" s="25">
        <v>0</v>
      </c>
      <c r="H641" s="75">
        <v>0</v>
      </c>
      <c r="I641" s="18">
        <v>0</v>
      </c>
      <c r="J641" s="18">
        <v>0</v>
      </c>
      <c r="K641" s="18">
        <v>0</v>
      </c>
      <c r="L641" s="18">
        <v>0</v>
      </c>
      <c r="M641" s="18">
        <v>1.7241379310344827</v>
      </c>
      <c r="N641" s="18">
        <v>0</v>
      </c>
      <c r="O641" s="18">
        <v>7.1428571428571423</v>
      </c>
      <c r="P641" s="18">
        <v>0</v>
      </c>
      <c r="Q641" s="18">
        <v>7.6923076923076925</v>
      </c>
      <c r="R641" s="18">
        <v>0</v>
      </c>
      <c r="S641" s="18">
        <v>0</v>
      </c>
      <c r="T641" s="73">
        <v>0</v>
      </c>
      <c r="U641" s="73">
        <v>0</v>
      </c>
      <c r="V641" s="73">
        <v>7.1428571428571423</v>
      </c>
      <c r="W641" s="25">
        <v>0</v>
      </c>
    </row>
    <row r="642" spans="1:23" ht="33.75" customHeight="1" thickBot="1" x14ac:dyDescent="0.2">
      <c r="A642" s="46" t="s">
        <v>237</v>
      </c>
      <c r="B642" s="47"/>
      <c r="C642" s="64">
        <v>26.142857142857146</v>
      </c>
      <c r="D642" s="64">
        <v>32.065217391304344</v>
      </c>
      <c r="E642" s="65">
        <v>23.144104803493452</v>
      </c>
      <c r="F642" s="65">
        <v>14.634146341463413</v>
      </c>
      <c r="G642" s="30">
        <v>0</v>
      </c>
      <c r="H642" s="66">
        <v>66.666666666666657</v>
      </c>
      <c r="I642" s="29">
        <v>29.032258064516132</v>
      </c>
      <c r="J642" s="29">
        <v>30.303030303030305</v>
      </c>
      <c r="K642" s="29">
        <v>100</v>
      </c>
      <c r="L642" s="29">
        <v>14.285714285714285</v>
      </c>
      <c r="M642" s="29">
        <v>37.931034482758619</v>
      </c>
      <c r="N642" s="29">
        <v>15.09433962264151</v>
      </c>
      <c r="O642" s="29">
        <v>14.285714285714285</v>
      </c>
      <c r="P642" s="29">
        <v>50</v>
      </c>
      <c r="Q642" s="29">
        <v>46.153846153846153</v>
      </c>
      <c r="R642" s="29">
        <v>28.846153846153843</v>
      </c>
      <c r="S642" s="29">
        <v>38.461538461538467</v>
      </c>
      <c r="T642" s="65">
        <v>35.714285714285715</v>
      </c>
      <c r="U642" s="65">
        <v>13.496932515337424</v>
      </c>
      <c r="V642" s="65">
        <v>14.285714285714285</v>
      </c>
      <c r="W642" s="30">
        <v>26.666666666666668</v>
      </c>
    </row>
    <row r="645" spans="1:23" x14ac:dyDescent="0.15">
      <c r="A645" s="1" t="s">
        <v>386</v>
      </c>
      <c r="F645" s="1" t="s">
        <v>432</v>
      </c>
    </row>
    <row r="646" spans="1:23" ht="14.25" thickBot="1" x14ac:dyDescent="0.2">
      <c r="W646" s="1" t="s">
        <v>75</v>
      </c>
    </row>
    <row r="647" spans="1:23" x14ac:dyDescent="0.15">
      <c r="A647" s="4"/>
      <c r="B647" s="32" t="s">
        <v>76</v>
      </c>
      <c r="C647" s="33"/>
      <c r="D647" s="37" t="s">
        <v>15</v>
      </c>
      <c r="E647" s="38"/>
      <c r="F647" s="38"/>
      <c r="G647" s="38"/>
      <c r="H647" s="37" t="s">
        <v>20</v>
      </c>
      <c r="I647" s="38"/>
      <c r="J647" s="38"/>
      <c r="K647" s="38"/>
      <c r="L647" s="38"/>
      <c r="M647" s="38"/>
      <c r="N647" s="38"/>
      <c r="O647" s="38"/>
      <c r="P647" s="38"/>
      <c r="Q647" s="38"/>
      <c r="R647" s="38"/>
      <c r="S647" s="38"/>
      <c r="T647" s="38"/>
      <c r="U647" s="38"/>
      <c r="V647" s="38"/>
      <c r="W647" s="48"/>
    </row>
    <row r="648" spans="1:23" ht="54.75" thickBot="1" x14ac:dyDescent="0.2">
      <c r="A648" s="8" t="s">
        <v>378</v>
      </c>
      <c r="B648" s="28"/>
      <c r="C648" s="49" t="s">
        <v>19</v>
      </c>
      <c r="D648" s="50" t="s">
        <v>16</v>
      </c>
      <c r="E648" s="51" t="s">
        <v>78</v>
      </c>
      <c r="F648" s="51" t="s">
        <v>79</v>
      </c>
      <c r="G648" s="52" t="s">
        <v>1</v>
      </c>
      <c r="H648" s="53" t="s">
        <v>2</v>
      </c>
      <c r="I648" s="11" t="s">
        <v>387</v>
      </c>
      <c r="J648" s="11" t="s">
        <v>3</v>
      </c>
      <c r="K648" s="54" t="s">
        <v>81</v>
      </c>
      <c r="L648" s="55" t="s">
        <v>4</v>
      </c>
      <c r="M648" s="56" t="s">
        <v>5</v>
      </c>
      <c r="N648" s="55" t="s">
        <v>82</v>
      </c>
      <c r="O648" s="55" t="s">
        <v>6</v>
      </c>
      <c r="P648" s="56" t="s">
        <v>7</v>
      </c>
      <c r="Q648" s="57" t="s">
        <v>8</v>
      </c>
      <c r="R648" s="56" t="s">
        <v>9</v>
      </c>
      <c r="S648" s="55" t="s">
        <v>10</v>
      </c>
      <c r="T648" s="55" t="s">
        <v>11</v>
      </c>
      <c r="U648" s="55" t="s">
        <v>12</v>
      </c>
      <c r="V648" s="58" t="s">
        <v>83</v>
      </c>
      <c r="W648" s="59" t="s">
        <v>13</v>
      </c>
    </row>
    <row r="649" spans="1:23" ht="33.75" customHeight="1" x14ac:dyDescent="0.15">
      <c r="A649" s="37" t="s">
        <v>388</v>
      </c>
      <c r="B649" s="48"/>
      <c r="C649" s="60">
        <v>18.740849194729137</v>
      </c>
      <c r="D649" s="60">
        <v>20.845070422535212</v>
      </c>
      <c r="E649" s="61">
        <v>14.912280701754385</v>
      </c>
      <c r="F649" s="61">
        <v>18.518518518518519</v>
      </c>
      <c r="G649" s="15">
        <v>26.315789473684209</v>
      </c>
      <c r="H649" s="62">
        <v>0</v>
      </c>
      <c r="I649" s="63">
        <v>9.375</v>
      </c>
      <c r="J649" s="63">
        <v>15</v>
      </c>
      <c r="K649" s="63">
        <v>0</v>
      </c>
      <c r="L649" s="63">
        <v>11.111111111111111</v>
      </c>
      <c r="M649" s="63">
        <v>14.035087719298245</v>
      </c>
      <c r="N649" s="63">
        <v>26.923076923076923</v>
      </c>
      <c r="O649" s="63">
        <v>21.428571428571427</v>
      </c>
      <c r="P649" s="63">
        <v>16.666666666666664</v>
      </c>
      <c r="Q649" s="63">
        <v>20</v>
      </c>
      <c r="R649" s="63">
        <v>17.777777777777779</v>
      </c>
      <c r="S649" s="63">
        <v>11.538461538461538</v>
      </c>
      <c r="T649" s="61">
        <v>26.190476190476193</v>
      </c>
      <c r="U649" s="61">
        <v>24.358974358974358</v>
      </c>
      <c r="V649" s="61">
        <v>15.384615384615385</v>
      </c>
      <c r="W649" s="15">
        <v>17.567567567567568</v>
      </c>
    </row>
    <row r="650" spans="1:23" ht="33.75" customHeight="1" x14ac:dyDescent="0.15">
      <c r="A650" s="17" t="s">
        <v>389</v>
      </c>
      <c r="B650" s="16"/>
      <c r="C650" s="103">
        <v>12.298682284040996</v>
      </c>
      <c r="D650" s="103">
        <v>12.957746478873238</v>
      </c>
      <c r="E650" s="73">
        <v>10.087719298245613</v>
      </c>
      <c r="F650" s="73">
        <v>12.345679012345679</v>
      </c>
      <c r="G650" s="25">
        <v>26.315789473684209</v>
      </c>
      <c r="H650" s="75">
        <v>0</v>
      </c>
      <c r="I650" s="18">
        <v>0</v>
      </c>
      <c r="J650" s="18">
        <v>10</v>
      </c>
      <c r="K650" s="18">
        <v>0</v>
      </c>
      <c r="L650" s="18">
        <v>0</v>
      </c>
      <c r="M650" s="18">
        <v>14.035087719298245</v>
      </c>
      <c r="N650" s="18">
        <v>21.153846153846153</v>
      </c>
      <c r="O650" s="18">
        <v>42.857142857142854</v>
      </c>
      <c r="P650" s="18">
        <v>16.666666666666664</v>
      </c>
      <c r="Q650" s="18">
        <v>4</v>
      </c>
      <c r="R650" s="18">
        <v>13.333333333333334</v>
      </c>
      <c r="S650" s="18">
        <v>11.538461538461538</v>
      </c>
      <c r="T650" s="73">
        <v>2.3809523809523809</v>
      </c>
      <c r="U650" s="73">
        <v>14.102564102564102</v>
      </c>
      <c r="V650" s="73">
        <v>23.076923076923077</v>
      </c>
      <c r="W650" s="25">
        <v>14.864864864864865</v>
      </c>
    </row>
    <row r="651" spans="1:23" ht="33.75" customHeight="1" x14ac:dyDescent="0.15">
      <c r="A651" s="39" t="s">
        <v>390</v>
      </c>
      <c r="B651" s="216"/>
      <c r="C651" s="103">
        <v>39.67789165446559</v>
      </c>
      <c r="D651" s="103">
        <v>38.87323943661972</v>
      </c>
      <c r="E651" s="73">
        <v>39.473684210526315</v>
      </c>
      <c r="F651" s="73">
        <v>46.913580246913575</v>
      </c>
      <c r="G651" s="25">
        <v>26.315789473684209</v>
      </c>
      <c r="H651" s="75">
        <v>0</v>
      </c>
      <c r="I651" s="18">
        <v>31.25</v>
      </c>
      <c r="J651" s="18">
        <v>43</v>
      </c>
      <c r="K651" s="18">
        <v>20</v>
      </c>
      <c r="L651" s="18">
        <v>25.925925925925924</v>
      </c>
      <c r="M651" s="18">
        <v>31.578947368421051</v>
      </c>
      <c r="N651" s="18">
        <v>46.153846153846153</v>
      </c>
      <c r="O651" s="18">
        <v>35.714285714285715</v>
      </c>
      <c r="P651" s="18">
        <v>41.666666666666671</v>
      </c>
      <c r="Q651" s="18">
        <v>24</v>
      </c>
      <c r="R651" s="18">
        <v>40</v>
      </c>
      <c r="S651" s="18">
        <v>30.76923076923077</v>
      </c>
      <c r="T651" s="73">
        <v>33.333333333333329</v>
      </c>
      <c r="U651" s="73">
        <v>51.282051282051277</v>
      </c>
      <c r="V651" s="73">
        <v>46.153846153846153</v>
      </c>
      <c r="W651" s="25">
        <v>35.135135135135137</v>
      </c>
    </row>
    <row r="652" spans="1:23" ht="33.75" customHeight="1" x14ac:dyDescent="0.15">
      <c r="A652" s="21" t="s">
        <v>391</v>
      </c>
      <c r="B652" s="22"/>
      <c r="C652" s="217">
        <v>35.13909224011713</v>
      </c>
      <c r="D652" s="217">
        <v>34.647887323943664</v>
      </c>
      <c r="E652" s="91">
        <v>38.15789473684211</v>
      </c>
      <c r="F652" s="91">
        <v>29.629629629629626</v>
      </c>
      <c r="G652" s="27">
        <v>31.578947368421051</v>
      </c>
      <c r="H652" s="90">
        <v>66.666666666666657</v>
      </c>
      <c r="I652" s="26">
        <v>34.375</v>
      </c>
      <c r="J652" s="26">
        <v>40</v>
      </c>
      <c r="K652" s="26">
        <v>20</v>
      </c>
      <c r="L652" s="26">
        <v>37.037037037037038</v>
      </c>
      <c r="M652" s="26">
        <v>36.84210526315789</v>
      </c>
      <c r="N652" s="26">
        <v>30.76923076923077</v>
      </c>
      <c r="O652" s="26">
        <v>28.571428571428569</v>
      </c>
      <c r="P652" s="26">
        <v>33.333333333333329</v>
      </c>
      <c r="Q652" s="26">
        <v>32</v>
      </c>
      <c r="R652" s="26">
        <v>40</v>
      </c>
      <c r="S652" s="26">
        <v>34.615384615384613</v>
      </c>
      <c r="T652" s="91">
        <v>40.476190476190474</v>
      </c>
      <c r="U652" s="91">
        <v>28.846153846153843</v>
      </c>
      <c r="V652" s="91">
        <v>38.461538461538467</v>
      </c>
      <c r="W652" s="27">
        <v>39.189189189189186</v>
      </c>
    </row>
    <row r="653" spans="1:23" ht="33.75" customHeight="1" thickBot="1" x14ac:dyDescent="0.2">
      <c r="A653" s="46" t="s">
        <v>392</v>
      </c>
      <c r="B653" s="218"/>
      <c r="C653" s="64">
        <v>15.812591508052709</v>
      </c>
      <c r="D653" s="64">
        <v>15.774647887323944</v>
      </c>
      <c r="E653" s="65">
        <v>15.789473684210526</v>
      </c>
      <c r="F653" s="65">
        <v>13.580246913580247</v>
      </c>
      <c r="G653" s="30">
        <v>26.315789473684209</v>
      </c>
      <c r="H653" s="66">
        <v>33.333333333333329</v>
      </c>
      <c r="I653" s="29">
        <v>25</v>
      </c>
      <c r="J653" s="29">
        <v>13</v>
      </c>
      <c r="K653" s="29">
        <v>60</v>
      </c>
      <c r="L653" s="29">
        <v>29.629629629629626</v>
      </c>
      <c r="M653" s="29">
        <v>21.052631578947366</v>
      </c>
      <c r="N653" s="29">
        <v>11.538461538461538</v>
      </c>
      <c r="O653" s="29">
        <v>21.428571428571427</v>
      </c>
      <c r="P653" s="29">
        <v>16.666666666666664</v>
      </c>
      <c r="Q653" s="29">
        <v>20</v>
      </c>
      <c r="R653" s="29">
        <v>11.111111111111111</v>
      </c>
      <c r="S653" s="29">
        <v>26.923076923076923</v>
      </c>
      <c r="T653" s="65">
        <v>16.666666666666664</v>
      </c>
      <c r="U653" s="65">
        <v>8.3333333333333321</v>
      </c>
      <c r="V653" s="65">
        <v>15.384615384615385</v>
      </c>
      <c r="W653" s="30">
        <v>17.567567567567568</v>
      </c>
    </row>
    <row r="656" spans="1:23" x14ac:dyDescent="0.15">
      <c r="A656" s="1" t="s">
        <v>393</v>
      </c>
      <c r="F656" s="1" t="s">
        <v>433</v>
      </c>
    </row>
    <row r="657" spans="1:23" ht="14.25" thickBot="1" x14ac:dyDescent="0.2">
      <c r="W657" s="1" t="s">
        <v>75</v>
      </c>
    </row>
    <row r="658" spans="1:23" x14ac:dyDescent="0.15">
      <c r="A658" s="4"/>
      <c r="B658" s="32" t="s">
        <v>76</v>
      </c>
      <c r="C658" s="33"/>
      <c r="D658" s="37" t="s">
        <v>15</v>
      </c>
      <c r="E658" s="38"/>
      <c r="F658" s="38"/>
      <c r="G658" s="38"/>
      <c r="H658" s="37" t="s">
        <v>20</v>
      </c>
      <c r="I658" s="38"/>
      <c r="J658" s="38"/>
      <c r="K658" s="38"/>
      <c r="L658" s="38"/>
      <c r="M658" s="38"/>
      <c r="N658" s="38"/>
      <c r="O658" s="38"/>
      <c r="P658" s="38"/>
      <c r="Q658" s="38"/>
      <c r="R658" s="38"/>
      <c r="S658" s="38"/>
      <c r="T658" s="38"/>
      <c r="U658" s="38"/>
      <c r="V658" s="38"/>
      <c r="W658" s="48"/>
    </row>
    <row r="659" spans="1:23" ht="54.75" thickBot="1" x14ac:dyDescent="0.2">
      <c r="A659" s="8" t="s">
        <v>378</v>
      </c>
      <c r="B659" s="28"/>
      <c r="C659" s="49" t="s">
        <v>19</v>
      </c>
      <c r="D659" s="50" t="s">
        <v>16</v>
      </c>
      <c r="E659" s="51" t="s">
        <v>78</v>
      </c>
      <c r="F659" s="51" t="s">
        <v>79</v>
      </c>
      <c r="G659" s="52" t="s">
        <v>1</v>
      </c>
      <c r="H659" s="53" t="s">
        <v>2</v>
      </c>
      <c r="I659" s="11" t="s">
        <v>80</v>
      </c>
      <c r="J659" s="11" t="s">
        <v>3</v>
      </c>
      <c r="K659" s="54" t="s">
        <v>81</v>
      </c>
      <c r="L659" s="55" t="s">
        <v>4</v>
      </c>
      <c r="M659" s="56" t="s">
        <v>5</v>
      </c>
      <c r="N659" s="55" t="s">
        <v>82</v>
      </c>
      <c r="O659" s="55" t="s">
        <v>6</v>
      </c>
      <c r="P659" s="56" t="s">
        <v>7</v>
      </c>
      <c r="Q659" s="57" t="s">
        <v>8</v>
      </c>
      <c r="R659" s="56" t="s">
        <v>9</v>
      </c>
      <c r="S659" s="55" t="s">
        <v>10</v>
      </c>
      <c r="T659" s="55" t="s">
        <v>11</v>
      </c>
      <c r="U659" s="55" t="s">
        <v>12</v>
      </c>
      <c r="V659" s="58" t="s">
        <v>83</v>
      </c>
      <c r="W659" s="59" t="s">
        <v>13</v>
      </c>
    </row>
    <row r="660" spans="1:23" ht="33.75" customHeight="1" x14ac:dyDescent="0.15">
      <c r="A660" s="37" t="s">
        <v>394</v>
      </c>
      <c r="B660" s="48"/>
      <c r="C660" s="60">
        <v>12.054794520547945</v>
      </c>
      <c r="D660" s="60">
        <v>12.968750000000002</v>
      </c>
      <c r="E660" s="61">
        <v>11.48036253776435</v>
      </c>
      <c r="F660" s="61">
        <v>10.204081632653061</v>
      </c>
      <c r="G660" s="15">
        <v>3.8461538461538463</v>
      </c>
      <c r="H660" s="62">
        <v>0</v>
      </c>
      <c r="I660" s="63">
        <v>3.1578947368421053</v>
      </c>
      <c r="J660" s="63">
        <v>10.37037037037037</v>
      </c>
      <c r="K660" s="63">
        <v>0</v>
      </c>
      <c r="L660" s="63">
        <v>5.9701492537313428</v>
      </c>
      <c r="M660" s="63">
        <v>11.494252873563218</v>
      </c>
      <c r="N660" s="63">
        <v>22.61904761904762</v>
      </c>
      <c r="O660" s="63">
        <v>5.2631578947368416</v>
      </c>
      <c r="P660" s="63">
        <v>3.7037037037037033</v>
      </c>
      <c r="Q660" s="63">
        <v>4.7619047619047619</v>
      </c>
      <c r="R660" s="63">
        <v>41.818181818181813</v>
      </c>
      <c r="S660" s="63">
        <v>6.0606060606060606</v>
      </c>
      <c r="T660" s="61">
        <v>6</v>
      </c>
      <c r="U660" s="61">
        <v>15.976331360946746</v>
      </c>
      <c r="V660" s="61">
        <v>7.4074074074074066</v>
      </c>
      <c r="W660" s="15">
        <v>15.254237288135593</v>
      </c>
    </row>
    <row r="661" spans="1:23" ht="33.75" customHeight="1" x14ac:dyDescent="0.15">
      <c r="A661" s="17" t="s">
        <v>395</v>
      </c>
      <c r="B661" s="16"/>
      <c r="C661" s="103">
        <v>33.242009132420094</v>
      </c>
      <c r="D661" s="103">
        <v>31.5625</v>
      </c>
      <c r="E661" s="73">
        <v>36.253776435045317</v>
      </c>
      <c r="F661" s="73">
        <v>31.632653061224492</v>
      </c>
      <c r="G661" s="25">
        <v>42.307692307692307</v>
      </c>
      <c r="H661" s="75">
        <v>11.111111111111111</v>
      </c>
      <c r="I661" s="18">
        <v>14.736842105263156</v>
      </c>
      <c r="J661" s="18">
        <v>34.074074074074076</v>
      </c>
      <c r="K661" s="18">
        <v>10.526315789473683</v>
      </c>
      <c r="L661" s="18">
        <v>20.8955223880597</v>
      </c>
      <c r="M661" s="18">
        <v>35.632183908045981</v>
      </c>
      <c r="N661" s="18">
        <v>33.333333333333329</v>
      </c>
      <c r="O661" s="18">
        <v>35.087719298245609</v>
      </c>
      <c r="P661" s="18">
        <v>25.925925925925924</v>
      </c>
      <c r="Q661" s="18">
        <v>30.158730158730158</v>
      </c>
      <c r="R661" s="18">
        <v>40</v>
      </c>
      <c r="S661" s="18">
        <v>51.515151515151516</v>
      </c>
      <c r="T661" s="73">
        <v>42</v>
      </c>
      <c r="U661" s="73">
        <v>47.928994082840234</v>
      </c>
      <c r="V661" s="73">
        <v>22.222222222222221</v>
      </c>
      <c r="W661" s="25">
        <v>29.66101694915254</v>
      </c>
    </row>
    <row r="662" spans="1:23" ht="33.75" customHeight="1" x14ac:dyDescent="0.15">
      <c r="A662" s="39" t="s">
        <v>396</v>
      </c>
      <c r="B662" s="216"/>
      <c r="C662" s="103">
        <v>2.4657534246575343</v>
      </c>
      <c r="D662" s="103">
        <v>1.7187500000000002</v>
      </c>
      <c r="E662" s="73">
        <v>3.6253776435045322</v>
      </c>
      <c r="F662" s="73">
        <v>3.0612244897959182</v>
      </c>
      <c r="G662" s="25">
        <v>3.8461538461538463</v>
      </c>
      <c r="H662" s="75">
        <v>0</v>
      </c>
      <c r="I662" s="18">
        <v>3.1578947368421053</v>
      </c>
      <c r="J662" s="18">
        <v>2.9629629629629632</v>
      </c>
      <c r="K662" s="18">
        <v>5.2631578947368416</v>
      </c>
      <c r="L662" s="18">
        <v>1.4925373134328357</v>
      </c>
      <c r="M662" s="18">
        <v>3.4482758620689653</v>
      </c>
      <c r="N662" s="18">
        <v>1.1904761904761905</v>
      </c>
      <c r="O662" s="18">
        <v>1.7543859649122806</v>
      </c>
      <c r="P662" s="18">
        <v>0</v>
      </c>
      <c r="Q662" s="18">
        <v>3.1746031746031744</v>
      </c>
      <c r="R662" s="18">
        <v>0</v>
      </c>
      <c r="S662" s="18">
        <v>0</v>
      </c>
      <c r="T662" s="73">
        <v>4</v>
      </c>
      <c r="U662" s="73">
        <v>2.9585798816568047</v>
      </c>
      <c r="V662" s="73">
        <v>3.7037037037037033</v>
      </c>
      <c r="W662" s="25">
        <v>2.5423728813559325</v>
      </c>
    </row>
    <row r="663" spans="1:23" ht="33.75" customHeight="1" thickBot="1" x14ac:dyDescent="0.2">
      <c r="A663" s="46" t="s">
        <v>397</v>
      </c>
      <c r="B663" s="218"/>
      <c r="C663" s="64">
        <v>52.237442922374434</v>
      </c>
      <c r="D663" s="64">
        <v>53.75</v>
      </c>
      <c r="E663" s="65">
        <v>48.640483383685797</v>
      </c>
      <c r="F663" s="65">
        <v>55.102040816326522</v>
      </c>
      <c r="G663" s="30">
        <v>50</v>
      </c>
      <c r="H663" s="66">
        <v>88.888888888888886</v>
      </c>
      <c r="I663" s="29">
        <v>78.94736842105263</v>
      </c>
      <c r="J663" s="29">
        <v>52.592592592592588</v>
      </c>
      <c r="K663" s="29">
        <v>84.210526315789465</v>
      </c>
      <c r="L663" s="29">
        <v>71.641791044776113</v>
      </c>
      <c r="M663" s="29">
        <v>49.425287356321839</v>
      </c>
      <c r="N663" s="29">
        <v>42.857142857142854</v>
      </c>
      <c r="O663" s="29">
        <v>57.894736842105267</v>
      </c>
      <c r="P663" s="29">
        <v>70.370370370370367</v>
      </c>
      <c r="Q663" s="29">
        <v>61.904761904761905</v>
      </c>
      <c r="R663" s="29">
        <v>18.181818181818183</v>
      </c>
      <c r="S663" s="29">
        <v>42.424242424242422</v>
      </c>
      <c r="T663" s="65">
        <v>48</v>
      </c>
      <c r="U663" s="65">
        <v>33.136094674556219</v>
      </c>
      <c r="V663" s="65">
        <v>66.666666666666657</v>
      </c>
      <c r="W663" s="30">
        <v>52.542372881355938</v>
      </c>
    </row>
    <row r="665" spans="1:23" s="2" customFormat="1" x14ac:dyDescent="0.15">
      <c r="A665" s="2" t="s">
        <v>398</v>
      </c>
      <c r="F665" s="2" t="s">
        <v>434</v>
      </c>
    </row>
    <row r="666" spans="1:23" s="2" customFormat="1" ht="14.25" thickBot="1" x14ac:dyDescent="0.2">
      <c r="V666" s="1"/>
      <c r="W666" s="1" t="s">
        <v>75</v>
      </c>
    </row>
    <row r="667" spans="1:23" s="2" customFormat="1" x14ac:dyDescent="0.15">
      <c r="A667" s="4"/>
      <c r="B667" s="5" t="s">
        <v>76</v>
      </c>
      <c r="C667" s="67"/>
      <c r="D667" s="37" t="s">
        <v>15</v>
      </c>
      <c r="E667" s="38"/>
      <c r="F667" s="38"/>
      <c r="G667" s="48"/>
      <c r="H667" s="37" t="s">
        <v>20</v>
      </c>
      <c r="I667" s="38"/>
      <c r="J667" s="38"/>
      <c r="K667" s="38"/>
      <c r="L667" s="38"/>
      <c r="M667" s="38"/>
      <c r="N667" s="38"/>
      <c r="O667" s="38"/>
      <c r="P667" s="38"/>
      <c r="Q667" s="38"/>
      <c r="R667" s="38"/>
      <c r="S667" s="38"/>
      <c r="T667" s="38"/>
      <c r="U667" s="38"/>
      <c r="V667" s="38"/>
      <c r="W667" s="48"/>
    </row>
    <row r="668" spans="1:23" s="2" customFormat="1" ht="54.75" thickBot="1" x14ac:dyDescent="0.2">
      <c r="A668" s="13" t="s">
        <v>87</v>
      </c>
      <c r="C668" s="68" t="s">
        <v>19</v>
      </c>
      <c r="D668" s="50" t="s">
        <v>16</v>
      </c>
      <c r="E668" s="51" t="s">
        <v>78</v>
      </c>
      <c r="F668" s="51" t="s">
        <v>79</v>
      </c>
      <c r="G668" s="52" t="s">
        <v>1</v>
      </c>
      <c r="H668" s="53" t="s">
        <v>2</v>
      </c>
      <c r="I668" s="11" t="s">
        <v>80</v>
      </c>
      <c r="J668" s="11" t="s">
        <v>3</v>
      </c>
      <c r="K668" s="54" t="s">
        <v>81</v>
      </c>
      <c r="L668" s="55" t="s">
        <v>4</v>
      </c>
      <c r="M668" s="56" t="s">
        <v>5</v>
      </c>
      <c r="N668" s="55" t="s">
        <v>82</v>
      </c>
      <c r="O668" s="55" t="s">
        <v>6</v>
      </c>
      <c r="P668" s="56" t="s">
        <v>7</v>
      </c>
      <c r="Q668" s="57" t="s">
        <v>8</v>
      </c>
      <c r="R668" s="56" t="s">
        <v>9</v>
      </c>
      <c r="S668" s="55" t="s">
        <v>10</v>
      </c>
      <c r="T668" s="55" t="s">
        <v>11</v>
      </c>
      <c r="U668" s="55" t="s">
        <v>12</v>
      </c>
      <c r="V668" s="58" t="s">
        <v>83</v>
      </c>
      <c r="W668" s="59" t="s">
        <v>13</v>
      </c>
    </row>
    <row r="669" spans="1:23" s="2" customFormat="1" ht="33" customHeight="1" x14ac:dyDescent="0.15">
      <c r="A669" s="37" t="s">
        <v>399</v>
      </c>
      <c r="B669" s="38"/>
      <c r="C669" s="69">
        <v>40.842490842490839</v>
      </c>
      <c r="D669" s="70">
        <v>41.550387596899228</v>
      </c>
      <c r="E669" s="63">
        <v>41.795665634674926</v>
      </c>
      <c r="F669" s="63">
        <v>34</v>
      </c>
      <c r="G669" s="15">
        <v>37.5</v>
      </c>
      <c r="H669" s="62">
        <v>25</v>
      </c>
      <c r="I669" s="63">
        <v>49.532710280373834</v>
      </c>
      <c r="J669" s="63">
        <v>45.3125</v>
      </c>
      <c r="K669" s="63">
        <v>26.666666666666668</v>
      </c>
      <c r="L669" s="63">
        <v>47.761194029850742</v>
      </c>
      <c r="M669" s="63">
        <v>32.631578947368425</v>
      </c>
      <c r="N669" s="63">
        <v>38.554216867469883</v>
      </c>
      <c r="O669" s="63">
        <v>50.909090909090907</v>
      </c>
      <c r="P669" s="63">
        <v>51.851851851851848</v>
      </c>
      <c r="Q669" s="63">
        <v>48.484848484848484</v>
      </c>
      <c r="R669" s="63">
        <v>47.058823529411761</v>
      </c>
      <c r="S669" s="63">
        <v>43.75</v>
      </c>
      <c r="T669" s="61">
        <v>45.833333333333329</v>
      </c>
      <c r="U669" s="61">
        <v>32.142857142857146</v>
      </c>
      <c r="V669" s="61">
        <v>44.827586206896555</v>
      </c>
      <c r="W669" s="15">
        <v>29.20353982300885</v>
      </c>
    </row>
    <row r="670" spans="1:23" s="2" customFormat="1" ht="33" customHeight="1" x14ac:dyDescent="0.15">
      <c r="A670" s="17" t="s">
        <v>400</v>
      </c>
      <c r="B670" s="19"/>
      <c r="C670" s="212">
        <v>56.043956043956044</v>
      </c>
      <c r="D670" s="213">
        <v>49.612403100775197</v>
      </c>
      <c r="E670" s="14">
        <v>65.325077399380802</v>
      </c>
      <c r="F670" s="14">
        <v>61</v>
      </c>
      <c r="G670" s="20">
        <v>83.333333333333343</v>
      </c>
      <c r="H670" s="74">
        <v>12.5</v>
      </c>
      <c r="I670" s="14">
        <v>54.205607476635507</v>
      </c>
      <c r="J670" s="14">
        <v>54.6875</v>
      </c>
      <c r="K670" s="14">
        <v>86.666666666666671</v>
      </c>
      <c r="L670" s="14">
        <v>64.179104477611943</v>
      </c>
      <c r="M670" s="14">
        <v>37.894736842105267</v>
      </c>
      <c r="N670" s="14">
        <v>59.036144578313255</v>
      </c>
      <c r="O670" s="14">
        <v>85.454545454545453</v>
      </c>
      <c r="P670" s="14">
        <v>62.962962962962962</v>
      </c>
      <c r="Q670" s="14">
        <v>56.060606060606055</v>
      </c>
      <c r="R670" s="14">
        <v>58.82352941176471</v>
      </c>
      <c r="S670" s="14">
        <v>56.25</v>
      </c>
      <c r="T670" s="214">
        <v>58.333333333333336</v>
      </c>
      <c r="U670" s="214">
        <v>52.976190476190474</v>
      </c>
      <c r="V670" s="214">
        <v>79.310344827586206</v>
      </c>
      <c r="W670" s="20">
        <v>46.902654867256636</v>
      </c>
    </row>
    <row r="671" spans="1:23" s="2" customFormat="1" ht="33" customHeight="1" x14ac:dyDescent="0.15">
      <c r="A671" s="17" t="s">
        <v>401</v>
      </c>
      <c r="B671" s="19"/>
      <c r="C671" s="212">
        <v>66.849816849816847</v>
      </c>
      <c r="D671" s="213">
        <v>64.031007751937992</v>
      </c>
      <c r="E671" s="14">
        <v>70.588235294117652</v>
      </c>
      <c r="F671" s="14">
        <v>69</v>
      </c>
      <c r="G671" s="20">
        <v>83.333333333333343</v>
      </c>
      <c r="H671" s="74">
        <v>37.5</v>
      </c>
      <c r="I671" s="14">
        <v>74.766355140186917</v>
      </c>
      <c r="J671" s="14">
        <v>68.75</v>
      </c>
      <c r="K671" s="14">
        <v>86.666666666666671</v>
      </c>
      <c r="L671" s="14">
        <v>73.134328358208961</v>
      </c>
      <c r="M671" s="14">
        <v>58.947368421052623</v>
      </c>
      <c r="N671" s="14">
        <v>61.445783132530117</v>
      </c>
      <c r="O671" s="14">
        <v>78.181818181818187</v>
      </c>
      <c r="P671" s="14">
        <v>77.777777777777786</v>
      </c>
      <c r="Q671" s="14">
        <v>63.636363636363633</v>
      </c>
      <c r="R671" s="14">
        <v>72.549019607843135</v>
      </c>
      <c r="S671" s="14">
        <v>78.125</v>
      </c>
      <c r="T671" s="214">
        <v>66.666666666666657</v>
      </c>
      <c r="U671" s="214">
        <v>60.119047619047613</v>
      </c>
      <c r="V671" s="214">
        <v>75.862068965517238</v>
      </c>
      <c r="W671" s="20">
        <v>59.292035398230091</v>
      </c>
    </row>
    <row r="672" spans="1:23" s="2" customFormat="1" ht="33" customHeight="1" x14ac:dyDescent="0.15">
      <c r="A672" s="17" t="s">
        <v>402</v>
      </c>
      <c r="B672" s="19"/>
      <c r="C672" s="212">
        <v>56.135531135531139</v>
      </c>
      <c r="D672" s="213">
        <v>52.093023255813954</v>
      </c>
      <c r="E672" s="14">
        <v>56.656346749226003</v>
      </c>
      <c r="F672" s="14">
        <v>74</v>
      </c>
      <c r="G672" s="20">
        <v>83.333333333333343</v>
      </c>
      <c r="H672" s="74">
        <v>0</v>
      </c>
      <c r="I672" s="14">
        <v>48.598130841121495</v>
      </c>
      <c r="J672" s="14">
        <v>60.15625</v>
      </c>
      <c r="K672" s="14">
        <v>33.333333333333329</v>
      </c>
      <c r="L672" s="14">
        <v>44.776119402985074</v>
      </c>
      <c r="M672" s="14">
        <v>56.84210526315789</v>
      </c>
      <c r="N672" s="14">
        <v>60.24096385542169</v>
      </c>
      <c r="O672" s="14">
        <v>69.090909090909093</v>
      </c>
      <c r="P672" s="14">
        <v>55.555555555555557</v>
      </c>
      <c r="Q672" s="14">
        <v>50</v>
      </c>
      <c r="R672" s="14">
        <v>62.745098039215684</v>
      </c>
      <c r="S672" s="14">
        <v>50</v>
      </c>
      <c r="T672" s="214">
        <v>62.5</v>
      </c>
      <c r="U672" s="214">
        <v>54.761904761904766</v>
      </c>
      <c r="V672" s="214">
        <v>62.068965517241381</v>
      </c>
      <c r="W672" s="20">
        <v>62.831858407079643</v>
      </c>
    </row>
    <row r="673" spans="1:23" s="2" customFormat="1" ht="33" customHeight="1" x14ac:dyDescent="0.15">
      <c r="A673" s="17" t="s">
        <v>403</v>
      </c>
      <c r="B673" s="19"/>
      <c r="C673" s="212">
        <v>37.087912087912088</v>
      </c>
      <c r="D673" s="213">
        <v>35.503875968992247</v>
      </c>
      <c r="E673" s="14">
        <v>35.913312693498447</v>
      </c>
      <c r="F673" s="14">
        <v>49</v>
      </c>
      <c r="G673" s="20">
        <v>45.833333333333329</v>
      </c>
      <c r="H673" s="74">
        <v>50</v>
      </c>
      <c r="I673" s="14">
        <v>21.495327102803738</v>
      </c>
      <c r="J673" s="14">
        <v>42.96875</v>
      </c>
      <c r="K673" s="14">
        <v>53.333333333333336</v>
      </c>
      <c r="L673" s="14">
        <v>38.805970149253731</v>
      </c>
      <c r="M673" s="14">
        <v>21.052631578947366</v>
      </c>
      <c r="N673" s="14">
        <v>44.578313253012048</v>
      </c>
      <c r="O673" s="14">
        <v>70.909090909090907</v>
      </c>
      <c r="P673" s="14">
        <v>22.222222222222221</v>
      </c>
      <c r="Q673" s="14">
        <v>28.787878787878789</v>
      </c>
      <c r="R673" s="14">
        <v>37.254901960784316</v>
      </c>
      <c r="S673" s="14">
        <v>40.625</v>
      </c>
      <c r="T673" s="214">
        <v>45.833333333333329</v>
      </c>
      <c r="U673" s="214">
        <v>40.476190476190474</v>
      </c>
      <c r="V673" s="214">
        <v>31.03448275862069</v>
      </c>
      <c r="W673" s="20">
        <v>32.743362831858406</v>
      </c>
    </row>
    <row r="674" spans="1:23" s="2" customFormat="1" ht="33" customHeight="1" x14ac:dyDescent="0.15">
      <c r="A674" s="17" t="s">
        <v>404</v>
      </c>
      <c r="B674" s="19"/>
      <c r="C674" s="212">
        <v>27.747252747252748</v>
      </c>
      <c r="D674" s="213">
        <v>25.426356589147286</v>
      </c>
      <c r="E674" s="14">
        <v>29.102167182662537</v>
      </c>
      <c r="F674" s="14">
        <v>36</v>
      </c>
      <c r="G674" s="20">
        <v>37.5</v>
      </c>
      <c r="H674" s="74">
        <v>25</v>
      </c>
      <c r="I674" s="14">
        <v>26.168224299065418</v>
      </c>
      <c r="J674" s="14">
        <v>28.90625</v>
      </c>
      <c r="K674" s="14">
        <v>60</v>
      </c>
      <c r="L674" s="14">
        <v>25.373134328358208</v>
      </c>
      <c r="M674" s="14">
        <v>18.947368421052634</v>
      </c>
      <c r="N674" s="14">
        <v>24.096385542168676</v>
      </c>
      <c r="O674" s="14">
        <v>36.363636363636367</v>
      </c>
      <c r="P674" s="14">
        <v>37.037037037037038</v>
      </c>
      <c r="Q674" s="14">
        <v>25.757575757575758</v>
      </c>
      <c r="R674" s="14">
        <v>27.450980392156865</v>
      </c>
      <c r="S674" s="14">
        <v>25</v>
      </c>
      <c r="T674" s="214">
        <v>37.5</v>
      </c>
      <c r="U674" s="214">
        <v>30.952380952380953</v>
      </c>
      <c r="V674" s="214">
        <v>20.689655172413794</v>
      </c>
      <c r="W674" s="20">
        <v>23.893805309734514</v>
      </c>
    </row>
    <row r="675" spans="1:23" s="2" customFormat="1" ht="33" customHeight="1" x14ac:dyDescent="0.15">
      <c r="A675" s="39" t="s">
        <v>405</v>
      </c>
      <c r="B675" s="40"/>
      <c r="C675" s="71">
        <v>19.413919413919416</v>
      </c>
      <c r="D675" s="72">
        <v>18.294573643410853</v>
      </c>
      <c r="E675" s="18">
        <v>17.956656346749224</v>
      </c>
      <c r="F675" s="18">
        <v>25</v>
      </c>
      <c r="G675" s="25">
        <v>45.833333333333329</v>
      </c>
      <c r="H675" s="75">
        <v>0</v>
      </c>
      <c r="I675" s="18">
        <v>18.691588785046729</v>
      </c>
      <c r="J675" s="18">
        <v>19.53125</v>
      </c>
      <c r="K675" s="18">
        <v>0</v>
      </c>
      <c r="L675" s="18">
        <v>11.940298507462686</v>
      </c>
      <c r="M675" s="18">
        <v>26.315789473684209</v>
      </c>
      <c r="N675" s="18">
        <v>21.686746987951807</v>
      </c>
      <c r="O675" s="18">
        <v>10.909090909090908</v>
      </c>
      <c r="P675" s="18">
        <v>14.814814814814813</v>
      </c>
      <c r="Q675" s="18">
        <v>12.121212121212121</v>
      </c>
      <c r="R675" s="18">
        <v>23.52941176470588</v>
      </c>
      <c r="S675" s="18">
        <v>9.375</v>
      </c>
      <c r="T675" s="73">
        <v>20.833333333333336</v>
      </c>
      <c r="U675" s="73">
        <v>29.166666666666668</v>
      </c>
      <c r="V675" s="73">
        <v>10.344827586206897</v>
      </c>
      <c r="W675" s="25">
        <v>18.584070796460178</v>
      </c>
    </row>
    <row r="676" spans="1:23" s="2" customFormat="1" ht="33" customHeight="1" x14ac:dyDescent="0.15">
      <c r="A676" s="39" t="s">
        <v>406</v>
      </c>
      <c r="B676" s="40"/>
      <c r="C676" s="71">
        <v>15.75091575091575</v>
      </c>
      <c r="D676" s="72">
        <v>16.744186046511629</v>
      </c>
      <c r="E676" s="18">
        <v>15.789473684210526</v>
      </c>
      <c r="F676" s="18">
        <v>11</v>
      </c>
      <c r="G676" s="25">
        <v>8.3333333333333321</v>
      </c>
      <c r="H676" s="75">
        <v>0</v>
      </c>
      <c r="I676" s="18">
        <v>18.691588785046729</v>
      </c>
      <c r="J676" s="18">
        <v>14.84375</v>
      </c>
      <c r="K676" s="18">
        <v>6.666666666666667</v>
      </c>
      <c r="L676" s="18">
        <v>20.8955223880597</v>
      </c>
      <c r="M676" s="18">
        <v>17.894736842105264</v>
      </c>
      <c r="N676" s="18">
        <v>15.66265060240964</v>
      </c>
      <c r="O676" s="18">
        <v>12.727272727272727</v>
      </c>
      <c r="P676" s="18">
        <v>18.518518518518519</v>
      </c>
      <c r="Q676" s="18">
        <v>19.696969696969695</v>
      </c>
      <c r="R676" s="18">
        <v>11.76470588235294</v>
      </c>
      <c r="S676" s="18">
        <v>9.375</v>
      </c>
      <c r="T676" s="73">
        <v>18.75</v>
      </c>
      <c r="U676" s="73">
        <v>13.095238095238097</v>
      </c>
      <c r="V676" s="73">
        <v>13.793103448275861</v>
      </c>
      <c r="W676" s="25">
        <v>16.814159292035399</v>
      </c>
    </row>
    <row r="677" spans="1:23" s="2" customFormat="1" ht="33" customHeight="1" x14ac:dyDescent="0.15">
      <c r="A677" s="39" t="s">
        <v>407</v>
      </c>
      <c r="B677" s="40"/>
      <c r="C677" s="71">
        <v>14.835164835164836</v>
      </c>
      <c r="D677" s="72">
        <v>14.108527131782948</v>
      </c>
      <c r="E677" s="18">
        <v>16.099071207430342</v>
      </c>
      <c r="F677" s="18">
        <v>16</v>
      </c>
      <c r="G677" s="25">
        <v>12.5</v>
      </c>
      <c r="H677" s="75">
        <v>25</v>
      </c>
      <c r="I677" s="18">
        <v>28.971962616822427</v>
      </c>
      <c r="J677" s="18">
        <v>19.53125</v>
      </c>
      <c r="K677" s="18">
        <v>6.666666666666667</v>
      </c>
      <c r="L677" s="18">
        <v>14.925373134328357</v>
      </c>
      <c r="M677" s="18">
        <v>21.052631578947366</v>
      </c>
      <c r="N677" s="18">
        <v>16.867469879518072</v>
      </c>
      <c r="O677" s="18">
        <v>12.727272727272727</v>
      </c>
      <c r="P677" s="18">
        <v>11.111111111111111</v>
      </c>
      <c r="Q677" s="18">
        <v>13.636363636363635</v>
      </c>
      <c r="R677" s="18">
        <v>7.8431372549019605</v>
      </c>
      <c r="S677" s="18">
        <v>9.375</v>
      </c>
      <c r="T677" s="73">
        <v>0</v>
      </c>
      <c r="U677" s="73">
        <v>3.5714285714285712</v>
      </c>
      <c r="V677" s="73">
        <v>6.8965517241379306</v>
      </c>
      <c r="W677" s="25">
        <v>22.123893805309734</v>
      </c>
    </row>
    <row r="678" spans="1:23" s="2" customFormat="1" ht="33" customHeight="1" thickBot="1" x14ac:dyDescent="0.2">
      <c r="A678" s="46" t="s">
        <v>100</v>
      </c>
      <c r="B678" s="47"/>
      <c r="C678" s="76">
        <v>3.2051282051282048</v>
      </c>
      <c r="D678" s="77">
        <v>3.4108527131782944</v>
      </c>
      <c r="E678" s="29">
        <v>2.7863777089783279</v>
      </c>
      <c r="F678" s="29">
        <v>4</v>
      </c>
      <c r="G678" s="30">
        <v>0</v>
      </c>
      <c r="H678" s="66">
        <v>25</v>
      </c>
      <c r="I678" s="29">
        <v>0</v>
      </c>
      <c r="J678" s="29">
        <v>3.90625</v>
      </c>
      <c r="K678" s="29">
        <v>0</v>
      </c>
      <c r="L678" s="29">
        <v>1.4925373134328357</v>
      </c>
      <c r="M678" s="29">
        <v>2.1052631578947367</v>
      </c>
      <c r="N678" s="29">
        <v>2.4096385542168677</v>
      </c>
      <c r="O678" s="29">
        <v>0</v>
      </c>
      <c r="P678" s="29">
        <v>3.7037037037037033</v>
      </c>
      <c r="Q678" s="29">
        <v>3.0303030303030303</v>
      </c>
      <c r="R678" s="29">
        <v>7.8431372549019605</v>
      </c>
      <c r="S678" s="29">
        <v>9.375</v>
      </c>
      <c r="T678" s="65">
        <v>2.083333333333333</v>
      </c>
      <c r="U678" s="65">
        <v>4.1666666666666661</v>
      </c>
      <c r="V678" s="65">
        <v>0</v>
      </c>
      <c r="W678" s="30">
        <v>4.4247787610619467</v>
      </c>
    </row>
  </sheetData>
  <mergeCells count="5">
    <mergeCell ref="A78:A81"/>
    <mergeCell ref="A100:A109"/>
    <mergeCell ref="A258:B258"/>
    <mergeCell ref="A260:B260"/>
    <mergeCell ref="A452:B452"/>
  </mergeCells>
  <phoneticPr fontId="3"/>
  <pageMargins left="0.47244094488188981" right="0.15748031496062992" top="0.25" bottom="0.19" header="0.2" footer="0.21"/>
  <pageSetup paperSize="9" scale="57" fitToHeight="0" orientation="landscape" r:id="rId1"/>
  <headerFooter alignWithMargins="0"/>
  <rowBreaks count="18" manualBreakCount="18">
    <brk id="63" max="22" man="1"/>
    <brk id="92" max="22" man="1"/>
    <brk id="126" max="22" man="1"/>
    <brk id="149" max="22" man="1"/>
    <brk id="189" max="22" man="1"/>
    <brk id="222" max="22" man="1"/>
    <brk id="298" max="22" man="1"/>
    <brk id="327" max="22" man="1"/>
    <brk id="356" max="22" man="1"/>
    <brk id="394" max="22" man="1"/>
    <brk id="432" max="22" man="1"/>
    <brk id="466" max="22" man="1"/>
    <brk id="500" max="22" man="1"/>
    <brk id="531" max="22" man="1"/>
    <brk id="558" max="22" man="1"/>
    <brk id="599" max="22" man="1"/>
    <brk id="633" max="22" man="1"/>
    <brk id="664" max="22"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data</vt:lpstr>
      <vt:lpstr>data!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Windows ユーザー</cp:lastModifiedBy>
  <cp:lastPrinted>2019-08-07T01:52:13Z</cp:lastPrinted>
  <dcterms:created xsi:type="dcterms:W3CDTF">2018-02-13T07:46:26Z</dcterms:created>
  <dcterms:modified xsi:type="dcterms:W3CDTF">2019-08-19T06:16:18Z</dcterms:modified>
</cp:coreProperties>
</file>